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4. Juraj\10 - 2022 - 250. (Príprava) Dvoj-rovinný RTG angiografický prístroj\03. Príprava\04. PTK\01. Odoslanie PTK\"/>
    </mc:Choice>
  </mc:AlternateContent>
  <bookViews>
    <workbookView xWindow="0" yWindow="0" windowWidth="23040" windowHeight="9195"/>
  </bookViews>
  <sheets>
    <sheet name="Cenová ponuka" sheetId="8" r:id="rId1"/>
  </sheets>
  <definedNames>
    <definedName name="_xlnm.Print_Area" localSheetId="0">'Cenová ponuka'!$B$1:$F$39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56" uniqueCount="648">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2.1</t>
  </si>
  <si>
    <t>2.2</t>
  </si>
  <si>
    <t>7.</t>
  </si>
  <si>
    <t>12.</t>
  </si>
  <si>
    <t>2.3</t>
  </si>
  <si>
    <t>2.4</t>
  </si>
  <si>
    <t>2.5</t>
  </si>
  <si>
    <t>2.6</t>
  </si>
  <si>
    <t>2.7</t>
  </si>
  <si>
    <t>5.1</t>
  </si>
  <si>
    <t>5.2</t>
  </si>
  <si>
    <t>5.3</t>
  </si>
  <si>
    <t>5.4</t>
  </si>
  <si>
    <t>5.5</t>
  </si>
  <si>
    <t>10.1</t>
  </si>
  <si>
    <t>10.2</t>
  </si>
  <si>
    <t>12.1</t>
  </si>
  <si>
    <t>12.2</t>
  </si>
  <si>
    <t>12.3</t>
  </si>
  <si>
    <t>12.4</t>
  </si>
  <si>
    <t>12.5</t>
  </si>
  <si>
    <t>12.6</t>
  </si>
  <si>
    <t>12.7</t>
  </si>
  <si>
    <t>12.8</t>
  </si>
  <si>
    <t>Kalkulácia ceny a návrh na plnenie kritéria na vyhodnotenie ponúk - Štruktúrovaný rozpočet ceny predmetu zákazky</t>
  </si>
  <si>
    <t>Položka č. 2</t>
  </si>
  <si>
    <t>50421000-2   Opravy a údržba lekárskych zariadení</t>
  </si>
  <si>
    <t>Pozáručný servis pre položku č.1</t>
  </si>
  <si>
    <t>Položka č. 1 a č. 2</t>
  </si>
  <si>
    <t>3.1</t>
  </si>
  <si>
    <t>3.2</t>
  </si>
  <si>
    <t>33111720-4   Angiografické prístroje</t>
  </si>
  <si>
    <t>51410000-9   Inštalácia lekárskych zariadení</t>
  </si>
  <si>
    <t>45300000-0   Stavebno-inštalačné práce</t>
  </si>
  <si>
    <t>80510000-2   Služby týkajúce sa odborných školení</t>
  </si>
  <si>
    <t>xxx</t>
  </si>
  <si>
    <t>1.1</t>
  </si>
  <si>
    <t>1.2</t>
  </si>
  <si>
    <t>1.3</t>
  </si>
  <si>
    <t>1.4</t>
  </si>
  <si>
    <t>1.5</t>
  </si>
  <si>
    <t>2.8</t>
  </si>
  <si>
    <t>4.1</t>
  </si>
  <si>
    <t>4.2</t>
  </si>
  <si>
    <t>4.3</t>
  </si>
  <si>
    <t>4.4</t>
  </si>
  <si>
    <t>4.5</t>
  </si>
  <si>
    <t>4.6</t>
  </si>
  <si>
    <t>4.7</t>
  </si>
  <si>
    <t>4.8</t>
  </si>
  <si>
    <t>5.6</t>
  </si>
  <si>
    <t>6.1</t>
  </si>
  <si>
    <t>6.2</t>
  </si>
  <si>
    <t>6.3</t>
  </si>
  <si>
    <t>6.4</t>
  </si>
  <si>
    <t>6.5</t>
  </si>
  <si>
    <t>6.6</t>
  </si>
  <si>
    <t>6.7</t>
  </si>
  <si>
    <t>6.8</t>
  </si>
  <si>
    <t>6.9</t>
  </si>
  <si>
    <t>7.1</t>
  </si>
  <si>
    <t>7.2</t>
  </si>
  <si>
    <t>8.1</t>
  </si>
  <si>
    <t>8.2</t>
  </si>
  <si>
    <t>8.3</t>
  </si>
  <si>
    <t>8.4</t>
  </si>
  <si>
    <t>8.5</t>
  </si>
  <si>
    <t>8.6</t>
  </si>
  <si>
    <t>8.7</t>
  </si>
  <si>
    <t>8.8</t>
  </si>
  <si>
    <t>8.9</t>
  </si>
  <si>
    <t>DICOM RIS interface (DICOM WLM, MPPS).</t>
  </si>
  <si>
    <t>9.1</t>
  </si>
  <si>
    <t>9.2</t>
  </si>
  <si>
    <t>9.3</t>
  </si>
  <si>
    <t>9.4</t>
  </si>
  <si>
    <t>9.5</t>
  </si>
  <si>
    <t>9.6</t>
  </si>
  <si>
    <t>9.7</t>
  </si>
  <si>
    <t>11.1</t>
  </si>
  <si>
    <t>11.2</t>
  </si>
  <si>
    <t>Položka č. 2 - Pozáručný servis pre položku č.1</t>
  </si>
  <si>
    <t>Osvedčenie servisného technika na servis zariadení výrobcu.</t>
  </si>
  <si>
    <t>Servisná starostlivosť o zariadenia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8 hodín od nahlásenia poruchy.</t>
  </si>
  <si>
    <t>Vykonávanie opráv v čase od 8:00 do 17:00.</t>
  </si>
  <si>
    <t>Poistenie prevádzkovej zodpovednosti vo výške ročnej ceny za služby.</t>
  </si>
  <si>
    <t>Oprávnenie dodávateľa na servis výrobkov.</t>
  </si>
  <si>
    <t>13.</t>
  </si>
  <si>
    <t>/</t>
  </si>
  <si>
    <t>Požaduje sa uzatvorenie kúpnej zmluvy a zmluvy o poskytovaní pozáručného servisu.</t>
  </si>
  <si>
    <t>Požaduje sa dodanie prístroja:</t>
  </si>
  <si>
    <t>do tridsiatich (30) pracovných dní odo dňa nadobudnutia účinnosti zmluvy,</t>
  </si>
  <si>
    <t>v pracovných dňoch,</t>
  </si>
  <si>
    <t>v čase od 08: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päť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j. krajina kde bol tovar vyrobený).</t>
  </si>
  <si>
    <t xml:space="preserve">Objednávateľ zabezpečí za účelom prevzatia prístroja prístup pre osoby poverené Dodávateľom na čas nevyhnutný na vyloženie, kompletizáciu a inštaláciu prístroja. </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dvadsiatichštyroch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j. uvedenie prístroja do stavu plnej využiteľnosti vzhľadom k jeho technickým parametrom,</t>
  </si>
  <si>
    <t xml:space="preserve">vykonanie štandardných vylepšení prístroja odporúčaných a predpísaných výrobcom prístroja podľa rozhodnutia Dodávateľa, vrátane vykonania servisných aktualizácií, t.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 s výnimkou vád uvedených v bode 21.,</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dvadsiatichštyroch (24) hodín od nahlásenia v pracovný deň medzi 7:00 a 16:00 hod., resp. do 12:00 hod. nasledujúceho pracovného dňa, pokiaľ vada bola nahlásená po 16:00 hod. pracovného dňa alebo počas mimopracovného dňa. </t>
  </si>
  <si>
    <t>V prípade, ak odstránenie vady nevyžaduje príchod servisného technika Dodávateľa do miesta inštalácie prístroj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Dodávateľ je povinný počas trvania záručnej doby odstrániť vady v nasledujúcich lehotách od nástupu na opravu:</t>
  </si>
  <si>
    <t>oprava vady, pri ktorej nie je potrebná dodávka náhradného dielu najneskôr do štyridsiatichôsmich (48) hodín,</t>
  </si>
  <si>
    <t>oprava vady s dodávkou náhradného dielu najneskôr do sedemdesiatichdvoch (72) hodín.</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100,- € (slovom: sto EUR) za každú začatú hodinu omeškania, najviac však do výšky 10% kúpnej ceny prístroja, a to pre každý jednotlivý prípad omeškania Dodávateľa,</t>
  </si>
  <si>
    <t>nedodržanie dohodnutých lehôt na odstránenie vady: 100,- € (slovom: sto EUR) za každú začatú hodinu omeškania, najviac však do výšky 10% kúpnej ceny prístroja, a to pre každý jednotlivý prípad omeškania Dodávateľa.</t>
  </si>
  <si>
    <t xml:space="preserve">Objednávateľ je oprávnený vadu, ktorú zistí na prístroji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14.</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15.</t>
  </si>
  <si>
    <t>Záruka sa nevzťahuje na vady, ktoré spôsobí Objednávateľ neodbornou manipuláciou resp. používaním v rozpore s návodom na obsluhu. Záruka sa tiež nevzťahuje na vady, ktoré vzniknú v dôsledku živelnej pohromy, vyššej moci alebo vandalizmu.</t>
  </si>
  <si>
    <t>16.</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17.</t>
  </si>
  <si>
    <r>
      <t xml:space="preserve">Požaduje sa poskytovanie pozáručného servisu pre </t>
    </r>
    <r>
      <rPr>
        <sz val="10"/>
        <color rgb="FFFF0000"/>
        <rFont val="Arial"/>
        <family val="2"/>
        <charset val="238"/>
      </rPr>
      <t>položku č. 1</t>
    </r>
    <r>
      <rPr>
        <sz val="10"/>
        <rFont val="Arial"/>
        <family val="2"/>
        <charset val="238"/>
      </rPr>
      <t xml:space="preserve"> po dobu 5 rokov (60 kalendárnych mesiacov), pričom za začiatok tohto poskytovania sa považuje deň nasledujúci po poslednom dni záručnej doby.</t>
    </r>
  </si>
  <si>
    <t>18.</t>
  </si>
  <si>
    <r>
      <t xml:space="preserve">Požaduje sa poskytovať pozáručný servis najmä v rozsahu uvedenom v časti  TECHNICKÁ ŠPECIFIKÁCIA PREDMETU ZÁKAZKY </t>
    </r>
    <r>
      <rPr>
        <sz val="10"/>
        <color rgb="FFFF0000"/>
        <rFont val="Arial"/>
        <family val="2"/>
        <charset val="238"/>
      </rPr>
      <t>pri položke č. 2</t>
    </r>
    <r>
      <rPr>
        <sz val="10"/>
        <rFont val="Arial"/>
        <family val="2"/>
        <charset val="238"/>
      </rPr>
      <t>.</t>
    </r>
  </si>
  <si>
    <t>19.</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20.</t>
  </si>
  <si>
    <t>Požaduje sa vykonávať pozáručnú servisnú starostlivosť v pracovných dňoch v čase od 07:00 hod. do 17:00 hod, ak sa Objednávateľ a Dodávateľ nedohodnú inak.</t>
  </si>
  <si>
    <t>21.</t>
  </si>
  <si>
    <t>Požaduje sa, aby v prípade vykonania opravy, na ktorú Objednávateľ Dodávateľa vopred upozorní, bola oprava vykonaná nasledovne:</t>
  </si>
  <si>
    <t>nástup na výkon opravy do dvadsiatichštyroch (24) hodín od nahlásenia vady/poruchy v pracovných dňoch v čase od 07:00 hod. do 17:00 hod.,</t>
  </si>
  <si>
    <t>výkon samotnej opravy do sedemdesiatichdvoch (72) hodín od nahlásenia vady/poruchy v pracovných dňoch v čase od 07:00 hod. do 17:00 hod., okrem prípadu, ak sa Objednávateľ s Dodávateľom nedohodnú inak, alebo ak na výkon opravy je potrebný náhradný diel, súčiastka alebo iná vec, ktorej obstaranie, alebo vykonanie trvá viac ako sedemdesiatdva (72) hodín.</t>
  </si>
  <si>
    <t>22.</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23.</t>
  </si>
  <si>
    <t>Požaduje sa služby pozáručnej starostlivosti vykonávať v súlade so známymi a najnovšími technologickými poznatkami výrobcu prístroja.</t>
  </si>
  <si>
    <t>24.</t>
  </si>
  <si>
    <t>Požaduje sa garantovať prevádzkyschopnosť prístroja minimálne 95% doby počas poskytovania pozáručných služieb.</t>
  </si>
  <si>
    <t>25.</t>
  </si>
  <si>
    <t>Požaduje sa, aby počas trvania zmluvy Dodávateľ vykonával autorizovaný servis.</t>
  </si>
  <si>
    <t>26.</t>
  </si>
  <si>
    <t>Požaduje sa, aby počas trvania zmluvy Dodávateľ vykonával činnosti uvedené v zmluve prostredníctvom osôb/servisných technikov s odborným vyškolením výrobcom prístroja.</t>
  </si>
  <si>
    <t>27.</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28.</t>
  </si>
  <si>
    <t>Požaduje sa vyhotovenie návrhu kalkulácie servisu v súlade s uzatvorenou zmluvou ku každej objednávke. Objednávateľ musí odsúhlasiť cenu a rozsah opravy, najneskôr v lehote do troch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29.</t>
  </si>
  <si>
    <t>Požaduje sa poskytnutie zodpovednosti za vady servisných služieb podľa Obchodného zákonníka a tiež záruky za akosť na servisné služby.</t>
  </si>
  <si>
    <t>30.</t>
  </si>
  <si>
    <t>Požaduje sa poskytnutie minimálne 3-mesačnej záručnej doby na servisné práce od vykonania opravy a 6-mesačnej záručnej doby na dodané náhradné diely od vykonania opravy.</t>
  </si>
  <si>
    <t>31.</t>
  </si>
  <si>
    <t>Dodávateľ za vady servisnej služby nezodpovedá v prípade, ak boli spôsobené:</t>
  </si>
  <si>
    <t>v dôsledku živelnej pohromy, vyššej moci alebo vandalizmu,</t>
  </si>
  <si>
    <t>inštaláciou, prevádzkou a údržbou prítroja v rozpore s návodom na obsluhu,</t>
  </si>
  <si>
    <t>neoprávneným zásahom tretích osôb,</t>
  </si>
  <si>
    <t>prevádzkovaním prístroja v prostredí, ktoré je v rozpore s technickými podmienkami stanovenými výrobcom, príp. Dodávateľom</t>
  </si>
  <si>
    <t>32.</t>
  </si>
  <si>
    <t>Požaduje sa v prípade náhradných dielov v každom osobitnom prípade súhlas Objednávateľa s kúpu a montážou náhradného dielu a odsúhlasenie jeho ceny.</t>
  </si>
  <si>
    <t>33.</t>
  </si>
  <si>
    <t xml:space="preserve">V prípade, ak Objednávateľ na základe prieskumu trhu zistí, že: </t>
  </si>
  <si>
    <t>33.1</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33.2</t>
  </si>
  <si>
    <t xml:space="preserve">nedisponuje inou ponukou ako je ponuka Dodávateľa a zároveň cena náhradného dielu nie je vyššia ako 10% oproti cene uvedenej v Prílohe č. 1 - Kalkulácia ceny, Objednávateľ je oprávnený pristúpiť k vystaveniu objednávky. </t>
  </si>
  <si>
    <t>34.</t>
  </si>
  <si>
    <t>Požaduje sa, aby výsledná cena predmetu zákazky ponúknutá dodávateľom bola v súlade s aktuálne (t.j. v čase lehoty na predkladanie ponúk) obvyklou trhovou cenou predmetu zákazky.</t>
  </si>
  <si>
    <t>35.</t>
  </si>
  <si>
    <t>Požaduje sa možnosť uplatnenia si náhrady škody u Dodávateľa vo výške vzniknutého finančného rozdielu výslednej ceny predmetu zákazky a obvyklej trhovej ceny predmetu zákazky v prípade nedodržania požiadavky uvedenej v bode 34.</t>
  </si>
  <si>
    <t>36.</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37.</t>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family val="2"/>
        <charset val="238"/>
      </rPr>
      <t xml:space="preserve">položky č. 2 </t>
    </r>
    <r>
      <rPr>
        <sz val="10"/>
        <rFont val="Arial"/>
        <family val="2"/>
        <charset val="238"/>
      </rPr>
      <t>je zmluvnými stranami potvrdený rozsah poskytnutej služby s uvedením dátumu jej poskytnutia v príslušnom kalendárnom mesiaci.</t>
    </r>
  </si>
  <si>
    <t>38.</t>
  </si>
  <si>
    <r>
      <t xml:space="preserve">Dodávateľ je povinný vystaviť faktúru za dodaný prístroj a za poskytnuté služby, ktoré sú predmetom </t>
    </r>
    <r>
      <rPr>
        <sz val="10"/>
        <color rgb="FFFF0000"/>
        <rFont val="Arial"/>
        <family val="2"/>
        <charset val="238"/>
      </rPr>
      <t>položky č. 2</t>
    </r>
    <r>
      <rPr>
        <sz val="10"/>
        <rFont val="Arial"/>
        <family val="2"/>
        <charset val="238"/>
      </rPr>
      <t xml:space="preserve">, v súlade s ustanovením §73 zákona č. 222/2004 Z. z. o dani z pridanej hodnoty v znení neskorších predpisov (ďalej len „zákon o DPH“), najneskôr však do piateho (5) pracovného dňa v mesiaci, nasledujúcom po mesiaci, v ktorom došlo k dodaniu prístroja, resp. k poskytnutiu služby, ktorá je predmetom </t>
    </r>
    <r>
      <rPr>
        <sz val="10"/>
        <color rgb="FFFF0000"/>
        <rFont val="Arial"/>
        <family val="2"/>
        <charset val="238"/>
      </rPr>
      <t>položky č. 2</t>
    </r>
    <r>
      <rPr>
        <sz val="10"/>
        <rFont val="Arial"/>
        <family val="2"/>
        <charset val="238"/>
      </rPr>
      <t xml:space="preserve"> podľa uzatvorenej zmluvy.</t>
    </r>
  </si>
  <si>
    <t>39.</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40.</t>
  </si>
  <si>
    <r>
      <t xml:space="preserve">Pozáručný servis (služby, ktoré sú predmetom </t>
    </r>
    <r>
      <rPr>
        <sz val="10"/>
        <color rgb="FFFF0000"/>
        <rFont val="Arial"/>
        <family val="2"/>
        <charset val="238"/>
      </rPr>
      <t>položky č. 2</t>
    </r>
    <r>
      <rPr>
        <sz val="10"/>
        <rFont val="Arial"/>
        <family val="2"/>
        <charset val="238"/>
      </rPr>
      <t>) bude hradený formou mesačných paušálnych odmien uvedených v Prílohe č. 1 - Kalkulácia ceny.</t>
    </r>
  </si>
  <si>
    <t>41.</t>
  </si>
  <si>
    <r>
      <t xml:space="preserve">Požaduje sa v zmysle § 340b ods. 5 zákona č. 513/1991 Z. 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42.</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43.</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t>44.</t>
  </si>
  <si>
    <r>
      <t>V prípade, ak sa po uzatvorení zmluvy preukáže, že na relevantnom trhu existuje cena (ďalej tiež ako "nižšia cena") za rovnaké alebo porovnateľné plnenie pre</t>
    </r>
    <r>
      <rPr>
        <sz val="10"/>
        <color rgb="FFFF0000"/>
        <rFont val="Arial"/>
        <family val="2"/>
        <charset val="238"/>
      </rPr>
      <t xml:space="preserve"> položku č. 2</t>
    </r>
    <r>
      <rPr>
        <sz val="10"/>
        <rFont val="Arial"/>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45.</t>
  </si>
  <si>
    <t>Dodávateľ je povinný bezodkladne, najneskôr však do piatich (5) pracovných dní od preukázania skutočnosti uvedenej v bode 44., doručiť Objednávateľovi dodatok, predmetom, ktorého bude upravená cena zistená podľa bodu 44.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46.</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47.</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48.</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vyššiu moc považujú prípady, ktoré nie sú závislé, ani ich nemôžu ovplyvniť zmluvné strany, a to najmä podľa ústavného zákona č. 227/2002 Z. z. o bezpečnosti štátu v čase vojny, vojnového stavu, výnimočného stavu a núdzového stavu. Zmluvná strana, ktorá sa odvolá na okolnosti vylučujúce zodpovednosť je povinná to oznámiť druhej zmluvnej strane najneskôr do piatich (5)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49.</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50.</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51.</t>
  </si>
  <si>
    <t xml:space="preserve">Záujemca/Uchádzač/Člen skupiny dodávateľov sa zaväzuje dodržiavať etické zásady uvedené v Etickom kódexe záujemcu/uchádzača/člena skupiny dodávateľov vo verejnom obstarávaní spoločnosti Východoslovenský ústav srdcových a cievnych chorôb, a.s. (ďalej len "Etický kódex") zverejnený na webovom sídle Objednávateľa: www.vusch.sk. </t>
  </si>
  <si>
    <t>52.</t>
  </si>
  <si>
    <t>V prípade, ak sa na predmet zákazky vykonala prípravná trhová konzultácia, informácie k prípravnej trhovej konzultácie verejný obstarávateľ zverejňuje na www.vusch.sk/verejne-obstaravanie/.</t>
  </si>
  <si>
    <r>
      <t xml:space="preserve">dodávka a výmena všetkých potrebných náhradných dielov a súčiastok v prípade ich poruchy, ktoré sami o sebe majú kratšiu dobu životnosti, alebo kratšiu záručnú dobu, ako je záručná doba poskytovaná Dodávateľom,
</t>
    </r>
    <r>
      <rPr>
        <sz val="10"/>
        <color rgb="FFFF0000"/>
        <rFont val="Arial"/>
        <family val="2"/>
        <charset val="238"/>
      </rPr>
      <t>(platí iba pre Variant č.1 - vrátane náhradných dielov)</t>
    </r>
  </si>
  <si>
    <r>
      <t xml:space="preserve">Variant č.1 - Pozáručný servis vrátane náhradných dielov
</t>
    </r>
    <r>
      <rPr>
        <i/>
        <sz val="9"/>
        <rFont val="Arial"/>
        <family val="2"/>
        <charset val="238"/>
      </rPr>
      <t>(dodávateľ uvedie, či daný variant pozáručného servisu vie poskytnúť)</t>
    </r>
  </si>
  <si>
    <r>
      <t xml:space="preserve">Variant č.2 - Pozáručný servis bez náhradných dielov
</t>
    </r>
    <r>
      <rPr>
        <i/>
        <sz val="9"/>
        <rFont val="Arial"/>
        <family val="2"/>
        <charset val="238"/>
      </rPr>
      <t>(dodávateľ uvedie, či daný variant pozáručného servisu vie poskytnúť)</t>
    </r>
  </si>
  <si>
    <t>Dvoj-rovinný angiografický systém s príslušenstvom vrátane pozáručného servisu</t>
  </si>
  <si>
    <t>Dvoj-rovinný angiografický systém s príslušenstvom vrátane pozáručného servisu.</t>
  </si>
  <si>
    <t>Dvoj-rovinný angiografický systém s príslušenstvom</t>
  </si>
  <si>
    <t>Všeobecný opis zariadenia</t>
  </si>
  <si>
    <t xml:space="preserve">Prístroj s najnovšou a maximálnou výbavou výrobcu pre nízke dávky röntgenového (rtg) žiarenia. </t>
  </si>
  <si>
    <t xml:space="preserve">Musí byť vybavený najvyšším hardvérom a inteligentným riadiacim softvérom výrobcu, ktorý pomáha minimalizovať dávku rtg žiarenia, pri dodržaní princípu ALARA („As Low As Reasonably Achievable“), t.j. nízka dávka bez negatívnych vplyvov na kvalitu obrazu pri intervenčných zákrokoch. </t>
  </si>
  <si>
    <t xml:space="preserve">Musí umožňovať 3D rotačné angiografické snímanie a zobrazovanie „Cone beam CT“ pre vizualizáciu mäkkých tkanív podobné ako pri CT – 3D volumetrické zobrazenie, zobrazenie v rezoch s možnosťou nastavenia hrúbky rezu vo frontálnej aj v bočnej rovine. </t>
  </si>
  <si>
    <t>Angiografický systém musí byť vybavený veľkoplošnou obrazovkou vo vyšetrovacej miestnosti s možnosťou zobrazenia všetkých modalít potrebných na vyšetrenia a intervenčné zákroky.</t>
  </si>
  <si>
    <t>Frontálna rovina na podlahe</t>
  </si>
  <si>
    <t>Flexibilné motoricky posuvné C-rameno upevnené k podlahe s možnosťou vyšetrovania celého tela pacienta.</t>
  </si>
  <si>
    <t>Plne automatické motorické nastavenie parkovacej polohy mimo vyšetrovacieho stola pre umožnenie voľného prístupu k pacientovi zo všetkých strán.</t>
  </si>
  <si>
    <t>Musí umožňovať 3D rotačné angiografické snímanie a zobrazovanie „Cone beam CT“ pre vizualizáciu mäkkých tkanív podobné ako pri CT – 3D volumetrické zobrazenie, zobrazenie v rezoch s možnosťou nastavenia hrúbky rezu.</t>
  </si>
  <si>
    <t>Možnosť nastavenia rôznych pracovných pozícií pri používavaní samostatnej frontálnej roviny, min. pravostranná pracovná poloha pri štandardnej aj pri vytočenej polohe úložnej dosky okolo vertikálnej osi, ľavostranná pracovná poloha pri štandardnej aj pri vytočenej polohe úložnej dosky do ľubovoľnej polohy okolo vertikálnej osi a poloha od hlavy pacienta, pričom pri všetkých pracovných polohách musí byť možné snímkovanie a skiaskopia.</t>
  </si>
  <si>
    <t>Prispôsobiteľné parkovacie polohy vyšetrovacieho náradia s C ramenom pre voľný prístup k pacientovi z obidvoch strán.</t>
  </si>
  <si>
    <t xml:space="preserve">Možnosť motorického posúvania C ramena s možnosťou snímkovania a skiaskopie v pozdĺžnom aj v priečnom smere voči pacientskému stolu. </t>
  </si>
  <si>
    <t>Pokrytie pacienta v priečnom smere motorickým posúvaným C ramena min. 190 cm.</t>
  </si>
  <si>
    <t>Pokrytie pacienta v pozdľžnom smere motorickým posúvaným C ramena min. 210 cm.</t>
  </si>
  <si>
    <t>Možnosť samostatného ovládania pohybov zariadenia.</t>
  </si>
  <si>
    <t>Možnosť synchronizovaného ovládania frontálnej bočnej roviny.</t>
  </si>
  <si>
    <t>Možnosť min. 30 automatických programovateľných pozícií.</t>
  </si>
  <si>
    <t>Možnosť zmeny vzdialenosti ohnisko ↔ detektor.</t>
  </si>
  <si>
    <t>Inteligentný antikolízny systém pre pohyb C-ramien.</t>
  </si>
  <si>
    <t>Automatické synchrónne otáčanie clôn a detektora pri ľubovoľných pohyboch C ramena, pri nastaveniach šikmých alebo dvojitých šikmých projekcií aj pri pri objektoch, ktoré nie sú paralelné s osou vyšetrovacieho stola (napr. pri radiálnom prístupe alebo pri vytočenej úložnej dosky pacienta okolo vertikálnej osi)  kvôli zobrazeniu vyšetrovaného objektu vždy vertikálne na obrazovke. Týmto sa eliminuje potreba opätovného nastavenia polohy obrazu.</t>
  </si>
  <si>
    <t>2.9</t>
  </si>
  <si>
    <t>2.10</t>
  </si>
  <si>
    <t>2.10.1</t>
  </si>
  <si>
    <t>2.10.2</t>
  </si>
  <si>
    <t>2.10.3</t>
  </si>
  <si>
    <t>2.10.4</t>
  </si>
  <si>
    <t>2.10.5</t>
  </si>
  <si>
    <t>2.11</t>
  </si>
  <si>
    <t>2.12</t>
  </si>
  <si>
    <t>2.13</t>
  </si>
  <si>
    <t>Bočná rovina na strope</t>
  </si>
  <si>
    <t>Flexibilné motoricky posuvné C-rameno upevnené k stropu s možnosťou vyšetrovania celého tela pacienta.</t>
  </si>
  <si>
    <t>3.3</t>
  </si>
  <si>
    <t>Možnosť používania bočnej roviny aj ako plnohodnotné flexibilné motoricky posuvné angiografické zariadenie upevnené ku stropnému závesu s možnosťou vyšetrovania celého tela pacienta.</t>
  </si>
  <si>
    <t>3.4</t>
  </si>
  <si>
    <t>3.5</t>
  </si>
  <si>
    <t>Nožnosť nastavenia rôznych pracovných pozícií pri používavaní samostatnej bočnej roviny, min. pravostranná pracovná poloha pri štandardnej aj pri vytočenej polohe úložnej dosky do ľubovoľnej pozície okolo vertikálnej osi,  ľavostranná pracovná poloha pri štandardnej aj pri vytočenej polohe úložnej dosky okolo vertikálnej osi a poloha od hlavy pacienta, pričom musí byť možné snímkovanie a skiaskopia v ľubovoľných polohách C ramena a stola.</t>
  </si>
  <si>
    <t>3.6</t>
  </si>
  <si>
    <t>Prispôsobiteľné parkovacie polohy gantry alebo C ramena pre voľný prístup k pacientovi z obidvoch strán.</t>
  </si>
  <si>
    <t>3.7</t>
  </si>
  <si>
    <t>3.8</t>
  </si>
  <si>
    <t>Možnosť synchronizovaného ovládania bočnej aj frontálnej roviny.</t>
  </si>
  <si>
    <t>3.9</t>
  </si>
  <si>
    <t>Možnosť nastavenia bočnej roviny do tzv. „neuro“ a „kardio“ prevádzky otáčaním C ranena okolo vertikálnej osi v rozsahu min. 260°.</t>
  </si>
  <si>
    <t>3.10</t>
  </si>
  <si>
    <t>Rýchlosť rotácie LAO/RAO až do min. 25°/sec.</t>
  </si>
  <si>
    <t>3.11</t>
  </si>
  <si>
    <t>Rýchlosť angulácie CRAN/CAUD až do min. 10°/sec.</t>
  </si>
  <si>
    <t>3.12</t>
  </si>
  <si>
    <t>Rotačná angiografia s rýchlosťou pohybu C ramena pri synchronizovanom pohybe s frontálnou rovinou až do min. 55°/sec.</t>
  </si>
  <si>
    <t>3.13</t>
  </si>
  <si>
    <t>3.14</t>
  </si>
  <si>
    <t>Hĺbka C-ramena min. 90 cm.</t>
  </si>
  <si>
    <t>3.15</t>
  </si>
  <si>
    <t>3.16</t>
  </si>
  <si>
    <t>Inteligentný antikolízny systém pre pohyb C-ramien</t>
  </si>
  <si>
    <t>3.17</t>
  </si>
  <si>
    <t>Automatické synchrónne otáčanie clôn a detektora bočnej roviny pri ľubovoľných pohyboch C ramena, pri nastaveniach šikmých alebo dvojitých šikmých projekcií aj pri pri objektoch, ktoré nie sú paralelné s osou vyšetrovacieho stola (napr. pri radiálnom prístupe alebo pri vytočenej úložnej dosky pacienta okolo vertikálnej osi)  kvôli zobrazeniu vyšetrovaného objektu vždy vertikálne na obrazovke. Týmto sa eliminuje potreba opätovného nastavenia polohy obrazu.</t>
  </si>
  <si>
    <t xml:space="preserve">Diagnostický stôl pre pacienta </t>
  </si>
  <si>
    <t>Katetrizačný stôl s „plávajúcou“ úložnou doskou s možnosťou otáčania – pivot v rozsahu min. 240°.</t>
  </si>
  <si>
    <t>Nastaviteľná výška stolu v rozsahu min. 78 až 102 cm.</t>
  </si>
  <si>
    <t>Dĺžka pacientskej dosky stola min. 220 cm.</t>
  </si>
  <si>
    <t>Šírka pacientskej dosky stola min. 45 cm.</t>
  </si>
  <si>
    <t>Longitudálny pohyb pacientskej dosky stola min. 120 cm.</t>
  </si>
  <si>
    <t>Transverzály pohyb pacientskej dosky stola min. ±17,5 cm.</t>
  </si>
  <si>
    <t>Možnosť sklápania stola do Trendelenburgovej polohy Min. ±15°.</t>
  </si>
  <si>
    <t>Možnosť vytočenie stola okolo vertikálnej osi Min. ±90°.</t>
  </si>
  <si>
    <t>4.9</t>
  </si>
  <si>
    <t>Maximálna dovolená hmotnosť pacienta min. 250 kg.</t>
  </si>
  <si>
    <t>4.10</t>
  </si>
  <si>
    <t>Maximálne dovolené zaťaženie stola min. 325 kg.</t>
  </si>
  <si>
    <t>4.11</t>
  </si>
  <si>
    <t>Maximálne dovolené zaťaženie stola  pre prídavné príslušenstvo min. 140 kg.</t>
  </si>
  <si>
    <t>4.12</t>
  </si>
  <si>
    <t>Podložka hlavy.</t>
  </si>
  <si>
    <t>4.13</t>
  </si>
  <si>
    <t>Pacientska podložka (matrac).</t>
  </si>
  <si>
    <t>4.14</t>
  </si>
  <si>
    <t>Fixačné pomôcky pre fixovanie pacienta.</t>
  </si>
  <si>
    <t>4.15</t>
  </si>
  <si>
    <t>Držiak pre podporu ramena pri prístupe z radiálnej alebo brachiálnej tepny.</t>
  </si>
  <si>
    <t>4.16</t>
  </si>
  <si>
    <t>Stojan infúznych roztokov a držiak káblov k stolu.</t>
  </si>
  <si>
    <t>4.17</t>
  </si>
  <si>
    <t>Nastavenie polohy stola na základe posledného snímku (LIH) pomocou grafických značiek, bez použitia fluoroskopie. Sledovanie skutočnej polohy RTG zväzku voči vyšetrovaciemu stolu, bez nutnosti použitia fluoroskopie.</t>
  </si>
  <si>
    <t>Vysokonapäťový generátor</t>
  </si>
  <si>
    <t>Vysokofrekvenčný RTG generátor s výkonom pri 100kV min. 100 kW.</t>
  </si>
  <si>
    <t>Rozsah nastavenia anódového napätia min. 40 až 125 kV.</t>
  </si>
  <si>
    <t>Kontinuálny výkon pre fluoro mód časovo neobmedzený min. 3 kW.</t>
  </si>
  <si>
    <t>Maximálny prúd min. 1000 mA.</t>
  </si>
  <si>
    <t>Maximálna pulzná frekvencia min. 100 pulzov/sec.</t>
  </si>
  <si>
    <t>Zariadenie musí mať integrovaný systém merania dávky. Dávka v intervenčnom bode a súčin kermy (dávky) a plochy musia byť kumulatívne zobrazované, správa o dávke musí byt' uložená do pacientskej série vyšetrení v DICOM kompatibilnom štruktúrovanom reporte.</t>
  </si>
  <si>
    <t>5.7</t>
  </si>
  <si>
    <t>Prístroj musí umožňovať variabilné programovacie módy pre fluoroskopiu a akvizíciu.</t>
  </si>
  <si>
    <t>RTG žiariče</t>
  </si>
  <si>
    <t xml:space="preserve">Vysokoobrátkové  mriežkou spínané RTG žiariče s anódou uloženou v ložiskách so špirálovou drážkou s tekutým kovom. </t>
  </si>
  <si>
    <t>Rýchlosť otáčok anódy rtg žiariča Min. 8000 ot/min.</t>
  </si>
  <si>
    <t>Počet ohnisiek min. 3.</t>
  </si>
  <si>
    <t>Veľkosť najmenšieho ohniska max. 0,4 mm.</t>
  </si>
  <si>
    <t>Veľkosť najväčšieho ohniska max. 0,9 mm.</t>
  </si>
  <si>
    <t>Maximálny výkon rtg žiariča min. 85 kW.</t>
  </si>
  <si>
    <t>Maximálny výkon rtg žiariča pri použití najmenšieho ohniska min. 25 kW.</t>
  </si>
  <si>
    <t>Tepelná kapacita anódy röntgenky min. 3 MHU.</t>
  </si>
  <si>
    <t>Tepelná kapacita žiariča min. 7 MHU.</t>
  </si>
  <si>
    <t>6.10</t>
  </si>
  <si>
    <t>Chladiaci výkon žiariča min. 1,50 MHU/min.</t>
  </si>
  <si>
    <t>6.11</t>
  </si>
  <si>
    <t>Max. kontinuálne fluoroskopické zaťaženie röntgenky pre čas do 20 min. min. 3500 W.</t>
  </si>
  <si>
    <t>6.12</t>
  </si>
  <si>
    <t>Integrovaná mriežka pre spínanie pulznej fluoroskopie (grid-switch) pre odstránenie mäkkých zložiek žiarenia .</t>
  </si>
  <si>
    <t>Kolimátor</t>
  </si>
  <si>
    <t>Rektangulárny kolimátor s polotransparentnými lamelami vrátane natáčania clony synchronizované s rotáciou C ramena.</t>
  </si>
  <si>
    <t>Automatická regulácia prídavnej spektrálnej filtrácie RTG žiarenia v závislosti na absorpcii objektu a pri každom zvolenom druhu prevádzky (programu) pre zníženie celkovej dávky žiarenia rozsahu ekvivalentu od 0,2 až 0,9 mm Cu.</t>
  </si>
  <si>
    <t>Akvizičný obrazový digitálny systém</t>
  </si>
  <si>
    <t>Digitálne ploché detektory pre generovanie obrazu v systéme priamej rádiografie, veľkosti aktívnej plochy detektora vo frontálnej rovine min. 39 x 29 cm, v bočnej rovine min. 20 x 20 cm.</t>
  </si>
  <si>
    <t>Rovnaké detektory v obidvoch rovinách s aktívnou plochou min. 39 x 29 cm.</t>
  </si>
  <si>
    <t>Bitová hĺbka.</t>
  </si>
  <si>
    <t>Detektory.</t>
  </si>
  <si>
    <t>Automatická optimalizácia nastavenia jasu a kontrastu v závislosti na hodnotách obrazového signálu (histogramu) v reálnom čase.</t>
  </si>
  <si>
    <t>Automatická optimalizácia dávky pomocou riadenia  minimálne piatich parametrov ako napätie a prúd rtg žiariča, spektrálna filtrácia, dľžka pulzu a ohnisko, pričom musia byť zohľadnené reálne nastavenia polohy C ramena, vzdialenostť objektu od detektora a žiariča a denzita vyšetrovaného orgánu.</t>
  </si>
  <si>
    <t>Maximálna veľkosť obrazového bodu detektorov.</t>
  </si>
  <si>
    <t>DQE pre 0 lp/mm .</t>
  </si>
  <si>
    <t>Digitálna obrazová akvizícia pre maticu 1024 x 1024.</t>
  </si>
  <si>
    <t>8.10</t>
  </si>
  <si>
    <t>Digitálna obrazová akvizícia pre maticu 2048 x 2048 pri DSA.</t>
  </si>
  <si>
    <t>8.11</t>
  </si>
  <si>
    <t>Digitálna obrazová akvizícia pre rotačnú angiografiu.</t>
  </si>
  <si>
    <t>8.12</t>
  </si>
  <si>
    <t>Digitálna obrazová akvizícia pre 3D rotačnú angiografiu.</t>
  </si>
  <si>
    <t>8.13</t>
  </si>
  <si>
    <t>Snímkovanie pri 3D rotačnej angiografii s dvojitou trajektóriou počas jedného scanu v LAO/RAO a CAUD/CRAN smere vo frontálnej rovine.</t>
  </si>
  <si>
    <t>8.14</t>
  </si>
  <si>
    <t>Softvér na multifázové 3D snímanie pozostávajúce z minimálne z desiatich samostatných min. 5 sekundových scanov v časovom rozhraní jednej minúty na znázornenie kolaterálnych cievnych riečísť vo frontálnej rovine.</t>
  </si>
  <si>
    <t>8.15</t>
  </si>
  <si>
    <t>Uloženie posledných min. 20 sekúnd  fluoroskopických obrazov  do pamäte systému pri frekvencii 30 fps.</t>
  </si>
  <si>
    <t>8.16</t>
  </si>
  <si>
    <t>Vyberateľný raster na zníženie dávky žiarenia.</t>
  </si>
  <si>
    <t>8.17</t>
  </si>
  <si>
    <t>Obrazové spracovanie</t>
  </si>
  <si>
    <t>Spracovanie obrazu a archivácia v matici min. 1024 x 1024/12 bit aj 2048x2048/12 bit.</t>
  </si>
  <si>
    <t>Záznamová kapacita pre maticu 1024 x 1024/12 bit.</t>
  </si>
  <si>
    <t>Štandardný softvér pre úpravu obrazu aj s možnosťou digitálnej optimalizácie denzity obrazu v reálnom čase.</t>
  </si>
  <si>
    <t>Vizualizácia jemných detailov pri akvizícii digitálnym zväčšením formátu detektoru bez zvýšenia dávky žiarenia.</t>
  </si>
  <si>
    <t>Možnosť navolenia špeciálnych protokolov pre vyšetrenia s nízkou dávkou.</t>
  </si>
  <si>
    <t>9.8</t>
  </si>
  <si>
    <t>9.9</t>
  </si>
  <si>
    <t>Nastavenie pracovnej pozície pacienta pomocou grafického znázornenia na poslednom zapamätanom obraze bez žiarenia.</t>
  </si>
  <si>
    <t>9.10</t>
  </si>
  <si>
    <t>Automatické nastavenie polohy C ramena podľa navoleného referenčného obrazu.</t>
  </si>
  <si>
    <t>9.11</t>
  </si>
  <si>
    <t>Automatický výber referenčného obrazu podľa polohy C ramena.</t>
  </si>
  <si>
    <t>9.12</t>
  </si>
  <si>
    <t>DSA funkcia v snímkovacom aj skiaskopickom móde.</t>
  </si>
  <si>
    <t>9.13</t>
  </si>
  <si>
    <t>Funkcia „roadmapping“, vrátane 3D roadmappingu.</t>
  </si>
  <si>
    <t>9.14</t>
  </si>
  <si>
    <t>Funkcia „overlay“ (možnosť prekrývania živého obrazu s vybraným referenčným obrazom).</t>
  </si>
  <si>
    <t>9.15</t>
  </si>
  <si>
    <t>Softvér pre kvantitatívnu vaskulárnu analýzu (meranie priemeru cievy, meranie stenózy, automatická detekcia stenóz, kalibrácia).</t>
  </si>
  <si>
    <t>9.16</t>
  </si>
  <si>
    <t>Výstup videosignálu pre prenos obrazu do prednáškovej miestnosti pomocou IP siete.</t>
  </si>
  <si>
    <t>9.17</t>
  </si>
  <si>
    <t>DICOM obrazový interface (DICOM Store, Query/Retrieve, DICOM Dose SR).</t>
  </si>
  <si>
    <t>9.18</t>
  </si>
  <si>
    <t>9.19</t>
  </si>
  <si>
    <t>Monitorovanie a znázornenie dávky na monitoroch v obsluhovni a vo vyšetrovni v reálnom čase.</t>
  </si>
  <si>
    <t>9.20</t>
  </si>
  <si>
    <t>Signalizácia dosiahnutia a prekročenia užívateľom stanovenej dávky.</t>
  </si>
  <si>
    <t>9.21</t>
  </si>
  <si>
    <t>Rozhranie pre pripojenie a znázornenie obrazu UZ prístroja na veľkoplošnom monitore vo vyšetrovni.</t>
  </si>
  <si>
    <t>9.22</t>
  </si>
  <si>
    <t>Rozhranie na pripojenie dozimetrického systému na meranie a grafické znázornenie kumulovanej dávky obsluhujúceho personálu na veľkoplošnom monitore vo vyšetrovni.</t>
  </si>
  <si>
    <t>Monitor vo vyšetrovni</t>
  </si>
  <si>
    <t>Medicínsky LCD HD farebný monitor s technológiou IPS s uhlopriečkou min. 55“ s natívnym formátom min. 3840 x 2160 (8 Mpix), typická svietivosť min. 400 cd/m2, kontrast min. 1000:1.</t>
  </si>
  <si>
    <t>možnosť pripojenia  min. 12 externých video vstupov.</t>
  </si>
  <si>
    <t>Monitory v ovládacej miestnosti</t>
  </si>
  <si>
    <t>Medicínsky LCD HD farebný monitor min. 27“ LCD s natívnym formátom min. 2560 x 1600, typická svietivosť min. 400 cd/m2 pre zobrazenie živého, referenčného obrazu, obrazov z iných modalít vrátane 3D obrazov.</t>
  </si>
  <si>
    <t>Ovládanie systému a pripojených externých  pracovných staníc ( ako napr. IVUS, diagnostická stanica PACS) s jednou klávesnicou a myšou od ovládacej pracovnej stanici angiografického zariadenia.</t>
  </si>
  <si>
    <t>Ovládanie systému</t>
  </si>
  <si>
    <t>Ovládanie všetkých pohybových funkcií C-ramien a stola od vyšetrovacieho stola, ako aj z ovládacej miestnosti. Ovládacia konzola musí byť jednoducho umiestniteľná po oboch stranách vyšetrovacieho stola (podľa obsluhy vpravo alebo vľavo od pacienta).</t>
  </si>
  <si>
    <t>Ovládací panel alebo dotykový displej, umiestnený na diagnostickom stole (s možnosťou umiestniť ho vpravo alebo vľavo podľa postavenia obsluhy) pre ovládanie systémových funkcií, funkcií zobrazovacieho systému a funkcií vybraných prídavných zariadení.</t>
  </si>
  <si>
    <t>Druhý ovládací panel alebo dotykový displej umiestnený v ovládacej miestnosti, ktorý slúži  pre ovládanie systémových funkcií, funkcií zobrazovacieho systému a funkcií vybraných prídavných zariadení.</t>
  </si>
  <si>
    <t>Bezdrôtový nožný spínač vo vyšetrovni pre ovládanie expozície, skiaskopie fluoroskopie.</t>
  </si>
  <si>
    <t>Ovládacie tlačidlo úložnej dosky stola  a nožný spínač na zapínanie žiarenia v ovládacej miestnosti.</t>
  </si>
  <si>
    <t>Interakcia s veľkým monitorom pomocou myši minimálne z hľadiska:</t>
  </si>
  <si>
    <t>12.6.1</t>
  </si>
  <si>
    <t>zmeny rozloženia obrazov na veľkom monitore ako aj rozloženia videoobrazov z externých zdrojov.</t>
  </si>
  <si>
    <t>12.6.2</t>
  </si>
  <si>
    <t>zmeny veľkosti okien.</t>
  </si>
  <si>
    <t xml:space="preserve">Integrácia angiografických aplikácií a aplikácií z externých zdrojov do angiografu (napr. monitor vitálnych funkcií pacienta, hemodynamický systém, externý prenosný počítač, postprocessingová stanica, PACS, iné modality ako CT, MR, PET, USG, priemyselná TV kamera atď. ) s monitorom min. 55 palcov vo vyšetrovni.  </t>
  </si>
  <si>
    <t>Možnosť robiť analýzu a meranie, kalibráciu, výber scény a kopírovanie obrazu na referenčný monitor počas skiaskopie a fluoroskopie.</t>
  </si>
  <si>
    <t>Intervenčné nástroje</t>
  </si>
  <si>
    <t>13.1</t>
  </si>
  <si>
    <t>Zobrazenie všetkých intervenčných nástrojov (SW) na medicínskom monitore v ovládacej miestnosti.</t>
  </si>
  <si>
    <t>13.2</t>
  </si>
  <si>
    <t>Paralelné zobrazenie všetkých intervenčných nástrojov (SW) na veľkom monitore vo vyšetrovni.</t>
  </si>
  <si>
    <t>13.3</t>
  </si>
  <si>
    <t>SW pre automatické nastavenie pozície C-ramena do optimálnej polohy podľa 3D projekcie, nasledovanie 3D obrazu v závislosti na zmene sklonu C-ramena.</t>
  </si>
  <si>
    <t>13.4</t>
  </si>
  <si>
    <t>SW a HW pre automatickú rekonštrukciu 3D obrazu ciev bez nutnosti kalibrácie užívateľom zahŕňajúci min.: obrazový rendering (VRT,  Color VRT, MIP, MinIP, and MPR  Rendering).</t>
  </si>
  <si>
    <t>13.5</t>
  </si>
  <si>
    <t>Vysokokontrastné a nízkokontrastné znázornenie obrazov v 3D v natívnom aj DSA móde, s možnosťou paralelného vyšetrenia a vyhodnotenia dvoch pacientov.</t>
  </si>
  <si>
    <t>13.6</t>
  </si>
  <si>
    <t xml:space="preserve">Softvér na vizualizáciu krvácania v blízkosti kostných štruktúr mozgu pomocou nasnímaných obrazov dvojitou trajektóriou snímania obrazu v LAO/RAO aj CAUD/CRAN smere počas jedného scanu kvôli eliminovaniu kostných artefaktov. </t>
  </si>
  <si>
    <t>13.7</t>
  </si>
  <si>
    <t>Softvér na zredukovanie kovových atrefaktov v 3D obraze na vizualizáciu detailov pri kovových predmetoch .</t>
  </si>
  <si>
    <t>13.8</t>
  </si>
  <si>
    <t>2D/3D roadmap.</t>
  </si>
  <si>
    <t>13.9</t>
  </si>
  <si>
    <t>4D angiografia v reálnom čase.</t>
  </si>
  <si>
    <t>13.10</t>
  </si>
  <si>
    <t>PBV - Perfúzia mozgu a tela – softvér na funkčné znázornenie prekrvenia mozgu alebo časti tela v 3D farebne odlíšenými  mapami objemu krvi. Umožňuje meranie parenchýmu objemu krvi (PBV) s cieľom vyhodnotiť zmeny v prekrvení spôsobené liečením alebo biologickými procesmi.</t>
  </si>
  <si>
    <t>13.11</t>
  </si>
  <si>
    <t>2D perfúzia – farbné znázornenie prietoku krvi.</t>
  </si>
  <si>
    <t>13.12</t>
  </si>
  <si>
    <t>plánovanie a podpora intervenčných postupov pri zavádzaní stentgraftu do brušnej aorty, výhodou je plánovanie postupov EVAR s automatickou identifikáciou cievnej steny aorty, hlavných odbočujúcich ciev a s automatickým vypočítavaním ideálnej angulácii pre C-rameno.</t>
  </si>
  <si>
    <t>13.13</t>
  </si>
  <si>
    <t xml:space="preserve">Softvér na plánovanie 3D virtuálneho stentu. Reálny stent môže byť zavedený na miesto určenia pomocou fúzie obrazu virtuálneho stentu a reálneho živého skiskopického obrazu.  </t>
  </si>
  <si>
    <t>13.14</t>
  </si>
  <si>
    <t>13.15</t>
  </si>
  <si>
    <t>Softvér na automatickú segmentáciu anatomických štruktúr z angio obrazu pomocou grafických prekrytí jednotlivých tkanív.</t>
  </si>
  <si>
    <t>13.16</t>
  </si>
  <si>
    <t xml:space="preserve">Plánovanie embolizačných postupov pomocou automatickej segmentácie anatomických štruktúr tumoru a automatického vyznačenia tepien zásobujúcich tumor krvou. </t>
  </si>
  <si>
    <t>13.17</t>
  </si>
  <si>
    <t xml:space="preserve">Plánovanie o podpora zavádzania ihly do určeného  objektu pomocou 3D/3D  alebo 2D/3D fúzovaných  obrazov z angiografického zariadenia a živého skiaskopického obrazu alebo fúzovaných obrazov z nezávislých obrazových zdrojov ako CT,MR,PET, PET/CT so živým skiaskopickým obrazom.  Pri zavádzaní ihly sa využíva podpora laserového kríža v kryte detektorov. </t>
  </si>
  <si>
    <t>13.18</t>
  </si>
  <si>
    <t>SW pre fúziu fluoroskopických 2D/3D obrazov s obrazmi z nezávislých zdrojov ako MR,CT,PET/CT,PET, kedy volumetrické snímky sú následne automaticky spojené s 3D – RA rekonštrukciou.</t>
  </si>
  <si>
    <t>13.19</t>
  </si>
  <si>
    <t>SW pre vizualizáciu dvoch vysokokontrastných 3D objektov s obdobnou denzitou.</t>
  </si>
  <si>
    <t>13.20</t>
  </si>
  <si>
    <t>Roadmapping pomocou kombinácie živej fluoroskopie a predom získaných 3D MR/CT dát, pričom obraz musí sledovať pohyby C-ramena.</t>
  </si>
  <si>
    <t>13.21</t>
  </si>
  <si>
    <t xml:space="preserve">SW na spracovanie obrazov aj z iných modalít s minimálnymi funkciami: MPR (multiplanárna rekonštrukcia), SSD (zobrazenia s vytieňovaným povrchom), MIP (projekcie maximálnej intenzity) alebo MinIP  (projekcie min. intenzity). </t>
  </si>
  <si>
    <t>13.22</t>
  </si>
  <si>
    <t>SW algoritmy pre excelentnú vizualizáciu ciev v zložitých projekciách (harmonizácia obrazu, zvýšenie ostrosti, kontrastu a rozlíšenia...).</t>
  </si>
  <si>
    <t>13.23</t>
  </si>
  <si>
    <t xml:space="preserve">Vysokovýkonná integrovaná pracovná stanica do angiografického systému alebo samostatná pracovná stanica  pre zobrazenie 3D a CT obrazov so sieťovým pripojením DICOM. </t>
  </si>
  <si>
    <t>13.24</t>
  </si>
  <si>
    <t>Export obrazových dát v štandardných PC formátoch (JPEG, AVI… ) ako aj DICOM.</t>
  </si>
  <si>
    <t>Vysokotlaková striekačka</t>
  </si>
  <si>
    <t>14.1</t>
  </si>
  <si>
    <t xml:space="preserve">Angiografická dvojhlavová vysokotlaková striekačka.  </t>
  </si>
  <si>
    <t>14.2</t>
  </si>
  <si>
    <t>Kontrolný panel s farebnou dotykovou obrazovkou musí mať bezdrôtovú komunikáciu s riadiacou jednotkou striekačky.</t>
  </si>
  <si>
    <t>14.3</t>
  </si>
  <si>
    <t>Napájanie.</t>
  </si>
  <si>
    <t>14.4</t>
  </si>
  <si>
    <t>Flexibilné upevnenie na stolnej lište alebo mobilnom vozíku.</t>
  </si>
  <si>
    <t>14.5</t>
  </si>
  <si>
    <t>Preplach fyziologickým roztokom.</t>
  </si>
  <si>
    <t>14.6</t>
  </si>
  <si>
    <t>Riadenie aplikácie sterilným manuálnym diaľkovým ovládaním alebo dotykovým displejom.</t>
  </si>
  <si>
    <t>14.7</t>
  </si>
  <si>
    <t>Kontrola prekročenia maximálneho objemu a rýchlosti podávanej kontrastnej látky.</t>
  </si>
  <si>
    <t>14.8</t>
  </si>
  <si>
    <t>Programovateľné protokoly podľa typu intervenčného výkonu.</t>
  </si>
  <si>
    <t>14.9</t>
  </si>
  <si>
    <t>Možnosť viacfázového vstreku kontrastnej látky.</t>
  </si>
  <si>
    <t>14.10</t>
  </si>
  <si>
    <t>Možnosť nastavenia oneskorenia vstreku.</t>
  </si>
  <si>
    <t>14.11</t>
  </si>
  <si>
    <t>Synchronizácia s angiografickým zariadením.</t>
  </si>
  <si>
    <t>Dozimetrický systém</t>
  </si>
  <si>
    <t>15.1</t>
  </si>
  <si>
    <t>Dozimetrický systém umožňujúci hodnotiť dávku v reálnom čase.</t>
  </si>
  <si>
    <t>15.2</t>
  </si>
  <si>
    <t xml:space="preserve">Umožňuje zobrazenie ožiarenia pracovníka v každom momente vykonávaného rádiologického vyšetrenia (online) a nielen po jeho skončení, ale aj po mesačnom vyhodnotení, ako je to pri pasívnych dozimetroch.( napr.TLD,OSL,Film). </t>
  </si>
  <si>
    <t>15.3</t>
  </si>
  <si>
    <t>Systém musí zahŕňať min. sadu 4 nových osobných dozimetrov merajúcich dávky v reálnom čase s bezdrôtovým prenosom dát na zobrazovaciu jednotku.</t>
  </si>
  <si>
    <t>15.4</t>
  </si>
  <si>
    <t>Dávky musia byť znázornené aj na veľkoplošnom monitore vo vyšetrovni.</t>
  </si>
  <si>
    <t>15.5</t>
  </si>
  <si>
    <t>Musí vizualizovať ožiarenie pracovníkov s použitím vhodných grafických aj číselných výstupov.</t>
  </si>
  <si>
    <t>15.6</t>
  </si>
  <si>
    <t>Namerané údaje sa automaticky uchovávajú pre rôzne analýzy po rtg. výkonoch.</t>
  </si>
  <si>
    <t>15.7</t>
  </si>
  <si>
    <t xml:space="preserve">Dozimetre musia merať osobný dávkový ekvivalent Hp(10), vhodný pre odhad efektívnej dávky (mSv), v rozsahu 40-150 kV. </t>
  </si>
  <si>
    <t>Príslušenstvo a špeciálne požiadavky</t>
  </si>
  <si>
    <t>16.1</t>
  </si>
  <si>
    <t>Štít z olovnatého skla zo stropným závesom.</t>
  </si>
  <si>
    <t>16.2</t>
  </si>
  <si>
    <t>Clony z olovnatej gumy s uchytením k stolu.</t>
  </si>
  <si>
    <t>16.3</t>
  </si>
  <si>
    <t>Operačné svietidlo LED na stropnom závese s intenzitou svetla min. 50.000 lux.</t>
  </si>
  <si>
    <t>16.4</t>
  </si>
  <si>
    <t>Dorozumievacie zariadenie (intercom).</t>
  </si>
  <si>
    <t>16.5</t>
  </si>
  <si>
    <t>Záložný zdroj:
Pre zaistenie bezpečného ukončenia výkonu alebo prerušenia výkonu na angiografickom systéme pri výpadku napájania, musí byť jeho súčasťou záložný zdroj napájania, ktorý musí zabezpečiť funkčnosť celého zariadenia na min. 10 minút vrátane núdzovej skiaskopie.</t>
  </si>
  <si>
    <t>16.6</t>
  </si>
  <si>
    <t>Ultrazvukový prístroj</t>
  </si>
  <si>
    <t>17.1</t>
  </si>
  <si>
    <t>Ultrazvukový prístroj so sondou, bez káblového spojenia s ultrazvukovým prístrojom.</t>
  </si>
  <si>
    <t>17.2</t>
  </si>
  <si>
    <t xml:space="preserve">Spojenie ultrazvukovej sondy s prístrojom je na báze bezdrôtovej komunikácie, umožňujúce bezpečnú, ultrazvukom vedenú punkciu cievneho systému v katetrizačnom laboratóriu. </t>
  </si>
  <si>
    <t>17.3</t>
  </si>
  <si>
    <t xml:space="preserve">Dosah spojenia sondy s prístrojom minimálne 2,5 m. </t>
  </si>
  <si>
    <t>17.4</t>
  </si>
  <si>
    <t xml:space="preserve">Ultrazvukový prístroj musí podporovať sondy v rozsahu 2-17 MHz. </t>
  </si>
  <si>
    <t>17.5</t>
  </si>
  <si>
    <t xml:space="preserve">Ultrazvukový prístroj musí umožniť automatickú registráciu pacienta z informačného systému, zobrazenie obrazu na hlavnom monitore angiokardiografického rtg  prístroja a odoslanie záznamu do PACS systému. </t>
  </si>
  <si>
    <t>17.6</t>
  </si>
  <si>
    <t>Ultrazvuková sonda musí byt dezinfikovateľná a použiteľná v sterilnom prostredí.</t>
  </si>
  <si>
    <t>17.7</t>
  </si>
  <si>
    <t>Bezdrôtová lineárna  širokopásmová  sonda  určená  na vyšetrovanie malých častí, ciev a nervov.</t>
  </si>
  <si>
    <t>17.7.1</t>
  </si>
  <si>
    <t>Frekvenčný rozsah  min. 5-17 MHz.</t>
  </si>
  <si>
    <t>17.7.2</t>
  </si>
  <si>
    <t>Prenos  ultrazuvokových obrazových dát  zo sondy  do USG prístroja cez WiFi.</t>
  </si>
  <si>
    <t>17.7.3</t>
  </si>
  <si>
    <t>Počet elementov min. 128.</t>
  </si>
  <si>
    <t>17.8</t>
  </si>
  <si>
    <t>17.8.1</t>
  </si>
  <si>
    <t>Frekvenčný rozsah min 3-8 MHz.</t>
  </si>
  <si>
    <t>17.8.2</t>
  </si>
  <si>
    <t>17.8.3</t>
  </si>
  <si>
    <t>17.9</t>
  </si>
  <si>
    <t>17.9.1</t>
  </si>
  <si>
    <t>Frekvenčný rozsah  min. 2-5 MHz.</t>
  </si>
  <si>
    <t>17.9.2</t>
  </si>
  <si>
    <t>17.9.3</t>
  </si>
  <si>
    <t>17.9.4</t>
  </si>
  <si>
    <t>Bioptické násadce pre lineárnu a konvexnú sondu.</t>
  </si>
  <si>
    <t>17.9.5</t>
  </si>
  <si>
    <t>2D</t>
  </si>
  <si>
    <t>17.9.6</t>
  </si>
  <si>
    <t>Color Doppler - farebné mapovanie.</t>
  </si>
  <si>
    <t>Rotačná angiografia s rýchlosťou pohybu C ramena min. 55°/sec.</t>
  </si>
  <si>
    <t>Rýchlosť angulácie CRAN/CAUD až do min. 25°/sec.</t>
  </si>
  <si>
    <t>Laserový kríž integrovaný do krytov detektorov so zjednodušenou obsluhou od pacientského stola pre polohovanie pacienta a uľahčenie predbežného plánovania punkcie.</t>
  </si>
  <si>
    <t>Automatický softvér pixelshiftu s kompenzáciou pohybu pacienta alebo pohybu stola počas subtrakčnej angiografie a funkcie roadmap bez nutnosti zásahu uživateľa v reálnom čase.</t>
  </si>
  <si>
    <t>Softvér pre elimináciu pohybových artefaktov, zvýraznenie hrán vyšetrovaných objektov, redukciu šumu v obraze a korekciu homogenity obrazu v reálnom čase.</t>
  </si>
  <si>
    <t>Nastavenie primárnych a polotransparentných clôn bez žiarenia na poslednom zapamätanom obraze -LIH bez žiarenia.</t>
  </si>
  <si>
    <t>Softvér na automatickú segmentáciu a analýzu aneurizmy z 3D obrazu angiografického prístroja.</t>
  </si>
  <si>
    <t>Inštalácia digitálnej priemyslovej kamery na katetrizačné pracovisko s možnosťou priameho snímania vykonávania katetrizačných výkonov  s integraciou obrazu do velkoplošného monitoru v množstve 2 ks kamier (snímanie operačného poľa, snímanie celkovej miestnosti).</t>
  </si>
  <si>
    <t>Bezdrôtová lineárna širokopásmová sonda určená na vyšetrovanie malých častí, ciev a nervov.</t>
  </si>
  <si>
    <t>Prenos ultrazuvokových obrazových dát zo sondy do USG prístroja cez WiFi.</t>
  </si>
  <si>
    <t>Bezdrôtová konvexná širokopásmová sonda určená na vyšetrovanie oblasti abdoménu.</t>
  </si>
  <si>
    <t>Položka č. 1 - Dvoj-rovinný angiografický systém s príslušenstvom</t>
  </si>
  <si>
    <t xml:space="preserve">Dvojrovinový angiografický systém pre intervenčnú angiológiu a neurorádiológiu, vrátane stola, so samostatným úložiskom dát pre min. 50 000 obrazov v matrici 1k/12 bit. </t>
  </si>
  <si>
    <t>21.1</t>
  </si>
  <si>
    <t>21.2</t>
  </si>
  <si>
    <t>31.1</t>
  </si>
  <si>
    <t>31.2</t>
  </si>
  <si>
    <t>31.3</t>
  </si>
  <si>
    <t>31.4</t>
  </si>
  <si>
    <t>46.1</t>
  </si>
  <si>
    <t>46.2</t>
  </si>
  <si>
    <t>mesiac</t>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r>
      <rPr>
        <b/>
        <sz val="10"/>
        <color theme="1"/>
        <rFont val="Arial"/>
        <family val="2"/>
        <charset val="238"/>
      </rPr>
      <t>Povolenie na dovoz, vývoz, predaj a distribúciu zdrojov ionizujúceho žiarenia</t>
    </r>
    <r>
      <rPr>
        <sz val="10"/>
        <color theme="1"/>
        <rFont val="Arial"/>
        <family val="2"/>
        <charset val="238"/>
      </rPr>
      <t xml:space="preserve">. Rovnako ako aj </t>
    </r>
    <r>
      <rPr>
        <b/>
        <sz val="10"/>
        <color theme="1"/>
        <rFont val="Arial"/>
        <family val="2"/>
        <charset val="238"/>
      </rPr>
      <t>povolenie na inštaláciu a servis zdrojov ionizujúceho žiarenia</t>
    </r>
    <r>
      <rPr>
        <sz val="10"/>
        <color theme="1"/>
        <rFont val="Arial"/>
        <family val="2"/>
        <charset val="238"/>
      </rPr>
      <t>, vydané Úradom verejného zdravotníctva SR - zákon 355/2007 Z.z.</t>
    </r>
  </si>
  <si>
    <r>
      <rPr>
        <b/>
        <sz val="10"/>
        <color theme="1"/>
        <rFont val="Arial"/>
        <family val="2"/>
        <charset val="238"/>
      </rPr>
      <t>Technologický projekt</t>
    </r>
    <r>
      <rPr>
        <sz val="10"/>
        <color theme="1"/>
        <rFont val="Arial"/>
        <family val="2"/>
        <charset val="238"/>
      </rPr>
      <t xml:space="preserve">, návrh priestorového usporiadania.
</t>
    </r>
    <r>
      <rPr>
        <i/>
        <sz val="10"/>
        <color theme="1"/>
        <rFont val="Arial"/>
        <family val="2"/>
        <charset val="238"/>
      </rPr>
      <t>V zákazke sa bude požadovať od úspešného uchádzača.</t>
    </r>
  </si>
  <si>
    <r>
      <t xml:space="preserve">Odborné skúšky RTG zariadenia v súlade s legislatívou - </t>
    </r>
    <r>
      <rPr>
        <b/>
        <sz val="10"/>
        <color theme="1"/>
        <rFont val="Arial"/>
        <family val="2"/>
        <charset val="238"/>
      </rPr>
      <t>preberacia skúška</t>
    </r>
    <r>
      <rPr>
        <sz val="10"/>
        <color theme="1"/>
        <rFont val="Arial"/>
        <family val="2"/>
        <charset val="238"/>
      </rPr>
      <t xml:space="preserve">.
</t>
    </r>
    <r>
      <rPr>
        <i/>
        <sz val="10"/>
        <color theme="1"/>
        <rFont val="Arial"/>
        <family val="2"/>
        <charset val="238"/>
      </rPr>
      <t>V zákazke sa bude požadovať od úspešného uchádzača.</t>
    </r>
  </si>
  <si>
    <r>
      <t xml:space="preserve">Odborná skúška zariadenia - </t>
    </r>
    <r>
      <rPr>
        <b/>
        <sz val="10"/>
        <color theme="1"/>
        <rFont val="Arial"/>
        <family val="2"/>
        <charset val="238"/>
      </rPr>
      <t>elektrické revízie</t>
    </r>
    <r>
      <rPr>
        <sz val="10"/>
        <color theme="1"/>
        <rFont val="Arial"/>
        <family val="2"/>
        <charset val="238"/>
      </rPr>
      <t xml:space="preserve">.
</t>
    </r>
    <r>
      <rPr>
        <i/>
        <sz val="10"/>
        <color theme="1"/>
        <rFont val="Arial"/>
        <family val="2"/>
        <charset val="238"/>
      </rPr>
      <t>V zákazke sa bude požadovať od úspešného uchádzača.</t>
    </r>
  </si>
  <si>
    <r>
      <t>Skúšky dlhodobej stability</t>
    </r>
    <r>
      <rPr>
        <sz val="10"/>
        <color theme="1"/>
        <rFont val="Arial"/>
        <family val="2"/>
        <charset val="238"/>
      </rPr>
      <t xml:space="preserve"> v zmysle zákona č. 87/2018 o radiačnej ochrane a o zmene a doplnení niektorých zákonov.
</t>
    </r>
    <r>
      <rPr>
        <i/>
        <sz val="10"/>
        <color theme="1"/>
        <rFont val="Arial"/>
        <family val="2"/>
        <charset val="238"/>
      </rPr>
      <t>V zákazke sa bude požadovať od úspešného uchádzača.</t>
    </r>
  </si>
</sst>
</file>

<file path=xl/styles.xml><?xml version="1.0" encoding="utf-8"?>
<styleSheet xmlns="http://schemas.openxmlformats.org/spreadsheetml/2006/main" xmlns:mc="http://schemas.openxmlformats.org/markup-compatibility/2006" xmlns:x14ac="http://schemas.microsoft.com/office/spreadsheetml/2009/9/ac" mc:Ignorable="x14ac">
  <fonts count="17"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Arial"/>
      <family val="2"/>
      <charset val="238"/>
    </font>
    <font>
      <i/>
      <sz val="9"/>
      <name val="Arial"/>
      <family val="2"/>
      <charset val="238"/>
    </font>
    <font>
      <i/>
      <sz val="10"/>
      <color theme="1"/>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0"/>
        <bgColor indexed="64"/>
      </patternFill>
    </fill>
  </fills>
  <borders count="3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medium">
        <color auto="1"/>
      </left>
      <right style="thin">
        <color auto="1"/>
      </right>
      <top/>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medium">
        <color auto="1"/>
      </left>
      <right style="thin">
        <color auto="1"/>
      </right>
      <top/>
      <bottom style="medium">
        <color auto="1"/>
      </bottom>
      <diagonal/>
    </border>
    <border>
      <left style="thin">
        <color auto="1"/>
      </left>
      <right style="thin">
        <color auto="1"/>
      </right>
      <top style="dotted">
        <color auto="1"/>
      </top>
      <bottom style="medium">
        <color auto="1"/>
      </bottom>
      <diagonal/>
    </border>
    <border>
      <left style="thin">
        <color auto="1"/>
      </left>
      <right style="medium">
        <color auto="1"/>
      </right>
      <top style="dotted">
        <color auto="1"/>
      </top>
      <bottom style="medium">
        <color auto="1"/>
      </bottom>
      <diagonal/>
    </border>
    <border>
      <left/>
      <right style="medium">
        <color indexed="64"/>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10" xfId="0" applyFont="1" applyFill="1" applyBorder="1" applyAlignment="1">
      <alignment vertical="center" wrapText="1"/>
    </xf>
    <xf numFmtId="0" fontId="4" fillId="0" borderId="10" xfId="0" applyFont="1" applyFill="1" applyBorder="1" applyAlignment="1">
      <alignment horizontal="center" vertical="center" wrapText="1"/>
    </xf>
    <xf numFmtId="49" fontId="2" fillId="0" borderId="10" xfId="0" applyNumberFormat="1" applyFont="1" applyFill="1" applyBorder="1" applyAlignment="1">
      <alignment vertical="center" wrapText="1"/>
    </xf>
    <xf numFmtId="49" fontId="4" fillId="0" borderId="10" xfId="0" applyNumberFormat="1" applyFont="1" applyFill="1" applyBorder="1" applyAlignment="1">
      <alignment vertical="center" wrapText="1"/>
    </xf>
    <xf numFmtId="49" fontId="2" fillId="0" borderId="8" xfId="0" applyNumberFormat="1" applyFont="1" applyFill="1" applyBorder="1" applyAlignment="1">
      <alignment horizontal="center" vertical="center"/>
    </xf>
    <xf numFmtId="16" fontId="5" fillId="0" borderId="0" xfId="0" applyNumberFormat="1" applyFont="1" applyFill="1" applyAlignment="1">
      <alignment horizontal="left" vertical="top" wrapText="1"/>
    </xf>
    <xf numFmtId="0" fontId="2" fillId="6" borderId="10" xfId="0" applyNumberFormat="1" applyFont="1" applyFill="1" applyBorder="1" applyAlignment="1">
      <alignment horizontal="center" vertical="center" wrapText="1"/>
    </xf>
    <xf numFmtId="49" fontId="2" fillId="6" borderId="8" xfId="0" applyNumberFormat="1" applyFont="1" applyFill="1" applyBorder="1" applyAlignment="1">
      <alignment horizontal="left" vertical="center"/>
    </xf>
    <xf numFmtId="0" fontId="2" fillId="0" borderId="0" xfId="0" applyFont="1" applyFill="1" applyAlignment="1">
      <alignment vertical="center"/>
    </xf>
    <xf numFmtId="49" fontId="2" fillId="0" borderId="25" xfId="0" applyNumberFormat="1" applyFont="1" applyFill="1" applyBorder="1" applyAlignment="1">
      <alignment horizontal="center" vertical="center"/>
    </xf>
    <xf numFmtId="0" fontId="2" fillId="0" borderId="26" xfId="0" applyNumberFormat="1" applyFont="1" applyFill="1" applyBorder="1" applyAlignment="1">
      <alignment horizontal="center" vertical="center" wrapText="1"/>
    </xf>
    <xf numFmtId="0" fontId="3" fillId="0" borderId="0" xfId="0" applyFont="1" applyFill="1" applyAlignment="1">
      <alignment vertical="center"/>
    </xf>
    <xf numFmtId="49" fontId="4" fillId="0" borderId="26" xfId="0" applyNumberFormat="1" applyFont="1" applyFill="1" applyBorder="1" applyAlignment="1">
      <alignment vertical="center" wrapText="1"/>
    </xf>
    <xf numFmtId="49" fontId="2" fillId="0" borderId="8" xfId="0" applyNumberFormat="1" applyFont="1" applyFill="1" applyBorder="1" applyAlignment="1">
      <alignment horizontal="center" vertical="center" wrapText="1"/>
    </xf>
    <xf numFmtId="49" fontId="2" fillId="7" borderId="8" xfId="0" applyNumberFormat="1" applyFont="1" applyFill="1" applyBorder="1" applyAlignment="1">
      <alignment horizontal="center" vertical="center" wrapText="1"/>
    </xf>
    <xf numFmtId="49" fontId="2" fillId="7" borderId="8" xfId="0" applyNumberFormat="1" applyFont="1" applyFill="1" applyBorder="1" applyAlignment="1">
      <alignment horizontal="right" vertical="center" wrapText="1"/>
    </xf>
    <xf numFmtId="49" fontId="2" fillId="0" borderId="8" xfId="0" applyNumberFormat="1" applyFont="1" applyFill="1" applyBorder="1" applyAlignment="1">
      <alignment horizontal="right" vertical="center" wrapText="1"/>
    </xf>
    <xf numFmtId="49" fontId="2" fillId="0" borderId="8" xfId="0" applyNumberFormat="1" applyFont="1" applyBorder="1" applyAlignment="1">
      <alignment horizontal="center" vertical="center" wrapText="1"/>
    </xf>
    <xf numFmtId="0" fontId="4" fillId="0" borderId="10" xfId="0" applyFont="1" applyBorder="1" applyAlignment="1">
      <alignment vertical="center" wrapText="1"/>
    </xf>
    <xf numFmtId="0" fontId="4" fillId="7" borderId="10" xfId="0" applyFont="1" applyFill="1" applyBorder="1" applyAlignment="1">
      <alignment vertical="center" wrapText="1"/>
    </xf>
    <xf numFmtId="0" fontId="4" fillId="7" borderId="20" xfId="0" applyFont="1" applyFill="1" applyBorder="1" applyAlignment="1">
      <alignment vertical="center" wrapText="1"/>
    </xf>
    <xf numFmtId="0" fontId="2" fillId="0" borderId="28" xfId="0" applyNumberFormat="1" applyFont="1" applyFill="1" applyBorder="1" applyAlignment="1">
      <alignment horizontal="center" vertical="center" wrapText="1"/>
    </xf>
    <xf numFmtId="0" fontId="2" fillId="0" borderId="30" xfId="0" applyNumberFormat="1" applyFont="1" applyFill="1" applyBorder="1" applyAlignment="1">
      <alignment horizontal="center" vertical="center" wrapText="1"/>
    </xf>
    <xf numFmtId="49" fontId="4" fillId="0" borderId="28" xfId="0" applyNumberFormat="1" applyFont="1" applyFill="1" applyBorder="1" applyAlignment="1">
      <alignment vertical="center" wrapText="1"/>
    </xf>
    <xf numFmtId="49" fontId="4" fillId="0" borderId="30" xfId="0" applyNumberFormat="1" applyFont="1" applyFill="1" applyBorder="1" applyAlignment="1">
      <alignment vertical="center" wrapText="1"/>
    </xf>
    <xf numFmtId="49" fontId="4" fillId="0" borderId="33" xfId="0" applyNumberFormat="1" applyFont="1" applyFill="1" applyBorder="1" applyAlignment="1">
      <alignment vertical="center" wrapText="1"/>
    </xf>
    <xf numFmtId="0" fontId="2" fillId="0" borderId="33" xfId="0" applyNumberFormat="1" applyFont="1" applyFill="1" applyBorder="1" applyAlignment="1">
      <alignment horizontal="center" vertical="center" wrapText="1"/>
    </xf>
    <xf numFmtId="49" fontId="4" fillId="6" borderId="10" xfId="0" applyNumberFormat="1" applyFont="1" applyFill="1" applyBorder="1" applyAlignment="1">
      <alignment vertical="center" wrapText="1"/>
    </xf>
    <xf numFmtId="0" fontId="2" fillId="0" borderId="10" xfId="0" applyNumberFormat="1" applyFont="1" applyFill="1" applyBorder="1" applyAlignment="1">
      <alignment horizontal="center" vertical="center" wrapText="1"/>
    </xf>
    <xf numFmtId="49" fontId="2" fillId="0" borderId="20" xfId="0" applyNumberFormat="1" applyFont="1" applyFill="1" applyBorder="1" applyAlignment="1">
      <alignment vertical="center" wrapText="1"/>
    </xf>
    <xf numFmtId="0" fontId="2" fillId="0" borderId="20" xfId="0" applyNumberFormat="1" applyFont="1" applyFill="1" applyBorder="1" applyAlignment="1">
      <alignment horizontal="center" vertical="center" wrapText="1"/>
    </xf>
    <xf numFmtId="0" fontId="2" fillId="0" borderId="10" xfId="0" applyFont="1" applyFill="1" applyBorder="1" applyAlignment="1">
      <alignment horizontal="left" vertical="center" wrapText="1"/>
    </xf>
    <xf numFmtId="49" fontId="2" fillId="0" borderId="25" xfId="0" applyNumberFormat="1" applyFont="1" applyFill="1" applyBorder="1" applyAlignment="1">
      <alignment horizontal="center" vertical="center"/>
    </xf>
    <xf numFmtId="49" fontId="2" fillId="0" borderId="27" xfId="0" applyNumberFormat="1" applyFont="1" applyFill="1" applyBorder="1" applyAlignment="1">
      <alignment horizontal="center" vertical="center"/>
    </xf>
    <xf numFmtId="49" fontId="2" fillId="0" borderId="32" xfId="0" applyNumberFormat="1" applyFont="1" applyFill="1" applyBorder="1" applyAlignment="1">
      <alignment horizontal="center" vertical="center"/>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10" xfId="0" applyNumberFormat="1" applyFont="1" applyFill="1" applyBorder="1" applyAlignment="1">
      <alignment horizontal="center" vertical="center" wrapText="1"/>
    </xf>
    <xf numFmtId="49" fontId="2" fillId="0" borderId="9" xfId="0" applyNumberFormat="1" applyFont="1" applyFill="1" applyBorder="1" applyAlignment="1">
      <alignment horizontal="center" vertical="center" wrapText="1"/>
    </xf>
    <xf numFmtId="49" fontId="2" fillId="0" borderId="20" xfId="0" applyNumberFormat="1" applyFont="1" applyFill="1" applyBorder="1" applyAlignment="1">
      <alignment horizontal="center" vertical="center" wrapText="1"/>
    </xf>
    <xf numFmtId="49" fontId="2" fillId="0" borderId="21" xfId="0" applyNumberFormat="1" applyFont="1" applyFill="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6" borderId="10" xfId="0" applyNumberFormat="1" applyFont="1" applyFill="1" applyBorder="1" applyAlignment="1">
      <alignment horizontal="center" vertical="center" wrapText="1"/>
    </xf>
    <xf numFmtId="49" fontId="2" fillId="6" borderId="9" xfId="0" applyNumberFormat="1" applyFont="1" applyFill="1" applyBorder="1" applyAlignment="1">
      <alignment horizontal="center"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4" fillId="0" borderId="0" xfId="0" applyNumberFormat="1" applyFont="1" applyFill="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5" fillId="5" borderId="1" xfId="0" applyNumberFormat="1" applyFont="1" applyFill="1" applyBorder="1" applyAlignment="1">
      <alignment horizontal="left" vertical="center" wrapText="1"/>
    </xf>
    <xf numFmtId="49" fontId="5" fillId="5" borderId="13" xfId="0" applyNumberFormat="1" applyFont="1" applyFill="1" applyBorder="1" applyAlignment="1">
      <alignment horizontal="left" vertical="center" wrapText="1"/>
    </xf>
    <xf numFmtId="49" fontId="5" fillId="5" borderId="2" xfId="0" applyNumberFormat="1" applyFont="1" applyFill="1" applyBorder="1" applyAlignment="1">
      <alignment horizontal="left" vertical="center" wrapText="1"/>
    </xf>
    <xf numFmtId="49" fontId="2" fillId="0" borderId="33" xfId="0" applyNumberFormat="1" applyFont="1" applyFill="1" applyBorder="1" applyAlignment="1">
      <alignment horizontal="center" vertical="center" wrapText="1"/>
    </xf>
    <xf numFmtId="49" fontId="2" fillId="0" borderId="34" xfId="0" applyNumberFormat="1" applyFont="1" applyFill="1" applyBorder="1" applyAlignment="1">
      <alignment horizontal="center" vertical="center" wrapText="1"/>
    </xf>
    <xf numFmtId="49" fontId="2" fillId="0" borderId="28" xfId="0" applyNumberFormat="1" applyFont="1" applyFill="1" applyBorder="1" applyAlignment="1">
      <alignment horizontal="center" vertical="center" wrapText="1"/>
    </xf>
    <xf numFmtId="49" fontId="2" fillId="0" borderId="29" xfId="0" applyNumberFormat="1" applyFont="1" applyFill="1" applyBorder="1" applyAlignment="1">
      <alignment horizontal="center" vertical="center" wrapText="1"/>
    </xf>
    <xf numFmtId="49" fontId="2" fillId="0" borderId="30" xfId="0" applyNumberFormat="1" applyFont="1" applyFill="1" applyBorder="1" applyAlignment="1">
      <alignment horizontal="center" vertical="center" wrapText="1"/>
    </xf>
    <xf numFmtId="49" fontId="2" fillId="0" borderId="31" xfId="0" applyNumberFormat="1"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0" borderId="10" xfId="0" applyFont="1" applyFill="1" applyBorder="1" applyAlignment="1">
      <alignment horizontal="left" vertical="center" wrapText="1"/>
    </xf>
    <xf numFmtId="0" fontId="7" fillId="0" borderId="10" xfId="0" applyNumberFormat="1" applyFont="1" applyFill="1" applyBorder="1" applyAlignment="1">
      <alignment horizontal="center" vertical="center" wrapText="1"/>
    </xf>
    <xf numFmtId="0" fontId="3" fillId="0" borderId="20" xfId="0" applyFont="1" applyFill="1" applyBorder="1" applyAlignment="1">
      <alignment horizontal="left" vertical="center" wrapText="1"/>
    </xf>
    <xf numFmtId="0" fontId="7" fillId="0" borderId="20" xfId="0" applyNumberFormat="1" applyFont="1" applyFill="1" applyBorder="1" applyAlignment="1">
      <alignment horizontal="center" vertical="center" wrapText="1"/>
    </xf>
    <xf numFmtId="0" fontId="2" fillId="0" borderId="5" xfId="0" applyFont="1" applyFill="1" applyBorder="1" applyAlignment="1">
      <alignment horizontal="left" vertical="center" wrapText="1"/>
    </xf>
    <xf numFmtId="0" fontId="2" fillId="0" borderId="35"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4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7</xdr:row>
          <xdr:rowOff>0</xdr:rowOff>
        </xdr:from>
        <xdr:to>
          <xdr:col>1</xdr:col>
          <xdr:colOff>885825</xdr:colOff>
          <xdr:row>27</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8</xdr:row>
          <xdr:rowOff>9525</xdr:rowOff>
        </xdr:from>
        <xdr:to>
          <xdr:col>1</xdr:col>
          <xdr:colOff>885825</xdr:colOff>
          <xdr:row>28</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5</xdr:row>
          <xdr:rowOff>9525</xdr:rowOff>
        </xdr:from>
        <xdr:to>
          <xdr:col>1</xdr:col>
          <xdr:colOff>885825</xdr:colOff>
          <xdr:row>35</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0</xdr:rowOff>
        </xdr:from>
        <xdr:to>
          <xdr:col>1</xdr:col>
          <xdr:colOff>885825</xdr:colOff>
          <xdr:row>36</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4.xml"/><Relationship Id="rId3" Type="http://schemas.openxmlformats.org/officeDocument/2006/relationships/drawing" Target="../drawings/drawing1.xml"/><Relationship Id="rId7" Type="http://schemas.openxmlformats.org/officeDocument/2006/relationships/ctrlProp" Target="../ctrlProps/ctrlProp3.xml"/><Relationship Id="rId2" Type="http://schemas.openxmlformats.org/officeDocument/2006/relationships/printerSettings" Target="../printerSettings/printerSettings1.bin"/><Relationship Id="rId1" Type="http://schemas.openxmlformats.org/officeDocument/2006/relationships/hyperlink" Target="http://www.vusch.sk/" TargetMode="External"/><Relationship Id="rId6" Type="http://schemas.openxmlformats.org/officeDocument/2006/relationships/ctrlProp" Target="../ctrlProps/ctrlProp2.xml"/><Relationship Id="rId5" Type="http://schemas.openxmlformats.org/officeDocument/2006/relationships/ctrlProp" Target="../ctrlProps/ctrlProp1.xml"/><Relationship Id="rId4" Type="http://schemas.openxmlformats.org/officeDocument/2006/relationships/vmlDrawing" Target="../drawings/vmlDrawing1.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412"/>
  <sheetViews>
    <sheetView showGridLines="0" tabSelected="1" zoomScaleNormal="100" workbookViewId="0"/>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14" t="s">
        <v>49</v>
      </c>
      <c r="C1" s="114"/>
      <c r="D1" s="114"/>
      <c r="E1" s="114"/>
      <c r="F1" s="114"/>
    </row>
    <row r="2" spans="2:6" ht="27.75" customHeight="1" x14ac:dyDescent="0.2">
      <c r="B2" s="113" t="s">
        <v>47</v>
      </c>
      <c r="C2" s="113"/>
      <c r="D2" s="113"/>
      <c r="E2" s="113"/>
      <c r="F2" s="113"/>
    </row>
    <row r="3" spans="2:6" ht="54.75" customHeight="1" x14ac:dyDescent="0.2">
      <c r="B3" s="126" t="s">
        <v>53</v>
      </c>
      <c r="C3" s="126"/>
      <c r="D3" s="126"/>
      <c r="E3" s="126"/>
      <c r="F3" s="126"/>
    </row>
    <row r="4" spans="2:6" ht="24.95" customHeight="1" x14ac:dyDescent="0.2">
      <c r="B4" s="41" t="s">
        <v>52</v>
      </c>
      <c r="C4" s="42"/>
      <c r="D4" s="38"/>
      <c r="E4" s="38"/>
      <c r="F4" s="38"/>
    </row>
    <row r="5" spans="2:6" ht="24.95" customHeight="1" x14ac:dyDescent="0.2">
      <c r="B5" s="41" t="s">
        <v>50</v>
      </c>
      <c r="C5" s="43"/>
      <c r="D5" s="38"/>
      <c r="E5" s="38"/>
      <c r="F5" s="38"/>
    </row>
    <row r="6" spans="2:6" ht="5.0999999999999996" customHeight="1" x14ac:dyDescent="0.2">
      <c r="B6" s="38"/>
      <c r="C6" s="38"/>
      <c r="D6" s="38"/>
      <c r="E6" s="38"/>
      <c r="F6" s="38"/>
    </row>
    <row r="7" spans="2:6" s="2" customFormat="1" ht="20.100000000000001" customHeight="1" x14ac:dyDescent="0.25">
      <c r="B7" s="103" t="s">
        <v>5</v>
      </c>
      <c r="C7" s="103"/>
      <c r="D7" s="103"/>
      <c r="E7" s="103"/>
      <c r="F7" s="103"/>
    </row>
    <row r="8" spans="2:6" s="2" customFormat="1" ht="20.100000000000001" customHeight="1" x14ac:dyDescent="0.25">
      <c r="B8" s="127" t="s">
        <v>9</v>
      </c>
      <c r="C8" s="127"/>
      <c r="D8" s="127"/>
      <c r="E8" s="127"/>
      <c r="F8" s="127"/>
    </row>
    <row r="9" spans="2:6" ht="28.5" customHeight="1" x14ac:dyDescent="0.2">
      <c r="B9" s="128" t="s">
        <v>291</v>
      </c>
      <c r="C9" s="128"/>
      <c r="D9" s="128"/>
      <c r="E9" s="128"/>
      <c r="F9" s="128"/>
    </row>
    <row r="10" spans="2:6" ht="4.5" customHeight="1" x14ac:dyDescent="0.2">
      <c r="B10" s="40"/>
      <c r="C10" s="40"/>
      <c r="D10" s="40"/>
      <c r="E10" s="40"/>
      <c r="F10" s="40"/>
    </row>
    <row r="11" spans="2:6" s="2" customFormat="1" ht="20.100000000000001" customHeight="1" x14ac:dyDescent="0.25">
      <c r="B11" s="129" t="s">
        <v>10</v>
      </c>
      <c r="C11" s="129"/>
      <c r="D11" s="129"/>
      <c r="E11" s="129"/>
      <c r="F11" s="129"/>
    </row>
    <row r="12" spans="2:6" s="2" customFormat="1" ht="20.100000000000001" customHeight="1" x14ac:dyDescent="0.25">
      <c r="B12" s="130" t="s">
        <v>100</v>
      </c>
      <c r="C12" s="130"/>
      <c r="D12" s="130"/>
      <c r="E12" s="44"/>
      <c r="F12" s="44"/>
    </row>
    <row r="13" spans="2:6" s="2" customFormat="1" ht="20.100000000000001" customHeight="1" x14ac:dyDescent="0.25">
      <c r="B13" s="130" t="s">
        <v>101</v>
      </c>
      <c r="C13" s="130"/>
      <c r="D13" s="130"/>
      <c r="E13" s="53"/>
      <c r="F13" s="53"/>
    </row>
    <row r="14" spans="2:6" s="2" customFormat="1" ht="20.100000000000001" customHeight="1" x14ac:dyDescent="0.25">
      <c r="B14" s="130" t="s">
        <v>102</v>
      </c>
      <c r="C14" s="130"/>
      <c r="D14" s="130"/>
      <c r="E14" s="54"/>
      <c r="F14" s="54"/>
    </row>
    <row r="15" spans="2:6" s="2" customFormat="1" ht="20.100000000000001" customHeight="1" x14ac:dyDescent="0.25">
      <c r="B15" s="130" t="s">
        <v>95</v>
      </c>
      <c r="C15" s="130"/>
      <c r="D15" s="130"/>
      <c r="E15" s="54"/>
      <c r="F15" s="54"/>
    </row>
    <row r="16" spans="2:6" s="2" customFormat="1" ht="20.100000000000001" customHeight="1" x14ac:dyDescent="0.25">
      <c r="B16" s="130" t="s">
        <v>103</v>
      </c>
      <c r="C16" s="130"/>
      <c r="D16" s="130"/>
      <c r="E16" s="60"/>
      <c r="F16" s="60"/>
    </row>
    <row r="17" spans="2:6" s="2" customFormat="1" ht="20.100000000000001" customHeight="1" x14ac:dyDescent="0.25">
      <c r="B17" s="130" t="s">
        <v>27</v>
      </c>
      <c r="C17" s="130"/>
      <c r="D17" s="130"/>
      <c r="E17" s="48"/>
      <c r="F17" s="48"/>
    </row>
    <row r="18" spans="2:6" ht="4.5" customHeight="1" x14ac:dyDescent="0.2">
      <c r="B18" s="45"/>
      <c r="C18" s="45"/>
      <c r="D18" s="45"/>
      <c r="E18" s="40"/>
      <c r="F18" s="40"/>
    </row>
    <row r="19" spans="2:6" ht="20.100000000000001" customHeight="1" x14ac:dyDescent="0.2">
      <c r="B19" s="39" t="s">
        <v>11</v>
      </c>
      <c r="C19" s="21"/>
      <c r="D19" s="21"/>
      <c r="E19" s="22"/>
      <c r="F19" s="22"/>
    </row>
    <row r="20" spans="2:6" s="3" customFormat="1" ht="24.95" customHeight="1" x14ac:dyDescent="0.25">
      <c r="B20" s="117" t="s">
        <v>67</v>
      </c>
      <c r="C20" s="117"/>
      <c r="D20" s="117"/>
      <c r="E20" s="19"/>
      <c r="F20" s="20"/>
    </row>
    <row r="21" spans="2:6" ht="5.0999999999999996" customHeight="1" x14ac:dyDescent="0.2">
      <c r="B21" s="118"/>
      <c r="C21" s="118"/>
      <c r="D21" s="118"/>
      <c r="F21" s="15"/>
    </row>
    <row r="22" spans="2:6" s="2" customFormat="1" ht="20.100000000000001" customHeight="1" x14ac:dyDescent="0.25">
      <c r="B22" s="103" t="s">
        <v>24</v>
      </c>
      <c r="C22" s="103"/>
      <c r="D22" s="103"/>
      <c r="E22" s="103"/>
      <c r="F22" s="103"/>
    </row>
    <row r="23" spans="2:6" ht="33.75" customHeight="1" x14ac:dyDescent="0.2">
      <c r="B23" s="135" t="s">
        <v>292</v>
      </c>
      <c r="C23" s="135"/>
      <c r="D23" s="135"/>
      <c r="E23" s="135"/>
      <c r="F23" s="135"/>
    </row>
    <row r="24" spans="2:6" ht="5.0999999999999996" customHeight="1" x14ac:dyDescent="0.2">
      <c r="B24" s="118"/>
      <c r="C24" s="118"/>
      <c r="D24" s="118"/>
      <c r="F24" s="15"/>
    </row>
    <row r="25" spans="2:6" s="2" customFormat="1" ht="20.100000000000001" customHeight="1" x14ac:dyDescent="0.25">
      <c r="B25" s="103" t="s">
        <v>25</v>
      </c>
      <c r="C25" s="103"/>
      <c r="D25" s="103"/>
      <c r="E25" s="103"/>
      <c r="F25" s="103"/>
    </row>
    <row r="26" spans="2:6" s="9" customFormat="1" ht="20.100000000000001" customHeight="1" x14ac:dyDescent="0.25">
      <c r="B26" s="138" t="s">
        <v>6</v>
      </c>
      <c r="C26" s="138"/>
      <c r="D26" s="138"/>
      <c r="E26" s="138"/>
      <c r="F26" s="138"/>
    </row>
    <row r="27" spans="2:6" s="9" customFormat="1" ht="20.100000000000001" customHeight="1" x14ac:dyDescent="0.25">
      <c r="B27" s="115" t="s">
        <v>18</v>
      </c>
      <c r="C27" s="116"/>
      <c r="D27" s="14"/>
      <c r="E27" s="14"/>
      <c r="F27" s="14"/>
    </row>
    <row r="28" spans="2:6" s="9" customFormat="1" ht="20.100000000000001" customHeight="1" x14ac:dyDescent="0.25">
      <c r="B28" s="13"/>
      <c r="C28" s="13" t="s">
        <v>22</v>
      </c>
      <c r="D28" s="14"/>
      <c r="E28" s="14"/>
      <c r="F28" s="14"/>
    </row>
    <row r="29" spans="2:6" s="9" customFormat="1" ht="20.100000000000001" customHeight="1" x14ac:dyDescent="0.25">
      <c r="B29" s="13"/>
      <c r="C29" s="13" t="s">
        <v>23</v>
      </c>
      <c r="D29" s="14"/>
      <c r="E29" s="14"/>
      <c r="F29" s="14"/>
    </row>
    <row r="30" spans="2:6" s="9" customFormat="1" ht="20.100000000000001" customHeight="1" x14ac:dyDescent="0.25">
      <c r="B30" s="115" t="s">
        <v>19</v>
      </c>
      <c r="C30" s="116"/>
      <c r="D30" s="14"/>
      <c r="E30" s="14"/>
      <c r="F30" s="14"/>
    </row>
    <row r="31" spans="2:6" s="9" customFormat="1" ht="31.5" customHeight="1" x14ac:dyDescent="0.25">
      <c r="B31" s="17" t="s">
        <v>20</v>
      </c>
      <c r="C31" s="139" t="s">
        <v>13</v>
      </c>
      <c r="D31" s="140"/>
      <c r="E31" s="18" t="s">
        <v>12</v>
      </c>
      <c r="F31" s="18" t="s">
        <v>14</v>
      </c>
    </row>
    <row r="32" spans="2:6" s="9" customFormat="1" ht="24.95" customHeight="1" x14ac:dyDescent="0.25">
      <c r="B32" s="46" t="s">
        <v>2</v>
      </c>
      <c r="C32" s="133" t="s">
        <v>293</v>
      </c>
      <c r="D32" s="134"/>
      <c r="E32" s="16" t="s">
        <v>1</v>
      </c>
      <c r="F32" s="47">
        <v>1</v>
      </c>
    </row>
    <row r="33" spans="2:7" s="9" customFormat="1" ht="24.95" customHeight="1" x14ac:dyDescent="0.25">
      <c r="B33" s="55" t="s">
        <v>94</v>
      </c>
      <c r="C33" s="133" t="s">
        <v>96</v>
      </c>
      <c r="D33" s="134"/>
      <c r="E33" s="56" t="s">
        <v>641</v>
      </c>
      <c r="F33" s="47">
        <v>60</v>
      </c>
    </row>
    <row r="34" spans="2:7" s="9" customFormat="1" ht="4.5" customHeight="1" x14ac:dyDescent="0.25">
      <c r="B34" s="14"/>
      <c r="C34" s="14"/>
      <c r="D34" s="14"/>
      <c r="E34" s="14"/>
      <c r="F34" s="14"/>
    </row>
    <row r="35" spans="2:7" s="9" customFormat="1" ht="20.100000000000001" customHeight="1" x14ac:dyDescent="0.25">
      <c r="B35" s="115" t="s">
        <v>21</v>
      </c>
      <c r="C35" s="116"/>
      <c r="D35" s="14"/>
      <c r="E35" s="14"/>
      <c r="F35" s="14"/>
    </row>
    <row r="36" spans="2:7" s="9" customFormat="1" ht="20.100000000000001" customHeight="1" x14ac:dyDescent="0.2">
      <c r="B36" s="10"/>
      <c r="C36" s="9" t="s">
        <v>3</v>
      </c>
      <c r="D36" s="14"/>
      <c r="E36" s="14"/>
      <c r="F36" s="14"/>
    </row>
    <row r="37" spans="2:7" s="9" customFormat="1" ht="20.100000000000001" customHeight="1" x14ac:dyDescent="0.25">
      <c r="B37" s="13"/>
      <c r="C37" s="2" t="s">
        <v>4</v>
      </c>
      <c r="D37" s="14"/>
      <c r="E37" s="14"/>
      <c r="F37" s="14"/>
    </row>
    <row r="38" spans="2:7" ht="5.0999999999999996" customHeight="1" x14ac:dyDescent="0.2"/>
    <row r="39" spans="2:7" s="2" customFormat="1" ht="20.100000000000001" customHeight="1" x14ac:dyDescent="0.25">
      <c r="B39" s="103" t="s">
        <v>26</v>
      </c>
      <c r="C39" s="103"/>
      <c r="D39" s="103"/>
      <c r="E39" s="103"/>
      <c r="F39" s="103"/>
    </row>
    <row r="40" spans="2:7" s="2" customFormat="1" ht="5.0999999999999996" customHeight="1" thickBot="1" x14ac:dyDescent="0.3">
      <c r="B40" s="15"/>
      <c r="D40" s="6"/>
      <c r="E40" s="6"/>
      <c r="F40" s="6"/>
    </row>
    <row r="41" spans="2:7" s="3" customFormat="1" ht="93" customHeight="1" x14ac:dyDescent="0.25">
      <c r="B41" s="104" t="s">
        <v>0</v>
      </c>
      <c r="C41" s="105"/>
      <c r="D41" s="108" t="s">
        <v>28</v>
      </c>
      <c r="E41" s="109"/>
      <c r="F41" s="110"/>
      <c r="G41" s="23"/>
    </row>
    <row r="42" spans="2:7" s="3" customFormat="1" ht="30" customHeight="1" thickBot="1" x14ac:dyDescent="0.3">
      <c r="B42" s="106"/>
      <c r="C42" s="107"/>
      <c r="D42" s="24" t="s">
        <v>29</v>
      </c>
      <c r="E42" s="136" t="s">
        <v>30</v>
      </c>
      <c r="F42" s="137"/>
    </row>
    <row r="43" spans="2:7" s="25" customFormat="1" ht="30.75" customHeight="1" x14ac:dyDescent="0.25">
      <c r="B43" s="98" t="s">
        <v>631</v>
      </c>
      <c r="C43" s="99"/>
      <c r="D43" s="99"/>
      <c r="E43" s="99"/>
      <c r="F43" s="100"/>
    </row>
    <row r="44" spans="2:7" s="4" customFormat="1" ht="30" customHeight="1" x14ac:dyDescent="0.25">
      <c r="B44" s="62" t="s">
        <v>16</v>
      </c>
      <c r="C44" s="82" t="s">
        <v>294</v>
      </c>
      <c r="D44" s="61" t="s">
        <v>104</v>
      </c>
      <c r="E44" s="101" t="s">
        <v>104</v>
      </c>
      <c r="F44" s="102"/>
    </row>
    <row r="45" spans="2:7" s="4" customFormat="1" ht="40.5" customHeight="1" x14ac:dyDescent="0.25">
      <c r="B45" s="52" t="s">
        <v>105</v>
      </c>
      <c r="C45" s="57" t="s">
        <v>632</v>
      </c>
      <c r="D45" s="49"/>
      <c r="E45" s="131"/>
      <c r="F45" s="132"/>
    </row>
    <row r="46" spans="2:7" s="4" customFormat="1" ht="30" customHeight="1" x14ac:dyDescent="0.25">
      <c r="B46" s="52" t="s">
        <v>106</v>
      </c>
      <c r="C46" s="57" t="s">
        <v>295</v>
      </c>
      <c r="D46" s="49"/>
      <c r="E46" s="92"/>
      <c r="F46" s="93"/>
    </row>
    <row r="47" spans="2:7" s="4" customFormat="1" ht="66" customHeight="1" x14ac:dyDescent="0.25">
      <c r="B47" s="52" t="s">
        <v>107</v>
      </c>
      <c r="C47" s="57" t="s">
        <v>296</v>
      </c>
      <c r="D47" s="49"/>
      <c r="E47" s="92"/>
      <c r="F47" s="93"/>
    </row>
    <row r="48" spans="2:7" s="4" customFormat="1" ht="60.75" customHeight="1" x14ac:dyDescent="0.25">
      <c r="B48" s="52" t="s">
        <v>108</v>
      </c>
      <c r="C48" s="57" t="s">
        <v>297</v>
      </c>
      <c r="D48" s="49"/>
      <c r="E48" s="92"/>
      <c r="F48" s="93"/>
    </row>
    <row r="49" spans="2:6" s="4" customFormat="1" ht="49.5" customHeight="1" x14ac:dyDescent="0.25">
      <c r="B49" s="52" t="s">
        <v>109</v>
      </c>
      <c r="C49" s="57" t="s">
        <v>298</v>
      </c>
      <c r="D49" s="49"/>
      <c r="E49" s="92"/>
      <c r="F49" s="93"/>
    </row>
    <row r="50" spans="2:6" s="4" customFormat="1" ht="30" customHeight="1" x14ac:dyDescent="0.25">
      <c r="B50" s="62" t="s">
        <v>58</v>
      </c>
      <c r="C50" s="82" t="s">
        <v>299</v>
      </c>
      <c r="D50" s="61" t="s">
        <v>104</v>
      </c>
      <c r="E50" s="101" t="s">
        <v>104</v>
      </c>
      <c r="F50" s="102"/>
    </row>
    <row r="51" spans="2:6" s="4" customFormat="1" ht="30" customHeight="1" x14ac:dyDescent="0.25">
      <c r="B51" s="52" t="s">
        <v>69</v>
      </c>
      <c r="C51" s="58" t="s">
        <v>300</v>
      </c>
      <c r="D51" s="49"/>
      <c r="E51" s="92"/>
      <c r="F51" s="93"/>
    </row>
    <row r="52" spans="2:6" s="4" customFormat="1" ht="30" customHeight="1" x14ac:dyDescent="0.25">
      <c r="B52" s="52" t="s">
        <v>70</v>
      </c>
      <c r="C52" s="58" t="s">
        <v>301</v>
      </c>
      <c r="D52" s="49"/>
      <c r="E52" s="92"/>
      <c r="F52" s="93"/>
    </row>
    <row r="53" spans="2:6" s="4" customFormat="1" ht="41.25" customHeight="1" x14ac:dyDescent="0.25">
      <c r="B53" s="52" t="s">
        <v>73</v>
      </c>
      <c r="C53" s="58" t="s">
        <v>302</v>
      </c>
      <c r="D53" s="49"/>
      <c r="E53" s="92"/>
      <c r="F53" s="93"/>
    </row>
    <row r="54" spans="2:6" s="4" customFormat="1" ht="87.75" customHeight="1" x14ac:dyDescent="0.25">
      <c r="B54" s="52" t="s">
        <v>74</v>
      </c>
      <c r="C54" s="58" t="s">
        <v>303</v>
      </c>
      <c r="D54" s="49"/>
      <c r="E54" s="92"/>
      <c r="F54" s="93"/>
    </row>
    <row r="55" spans="2:6" s="4" customFormat="1" ht="30" customHeight="1" x14ac:dyDescent="0.25">
      <c r="B55" s="52" t="s">
        <v>75</v>
      </c>
      <c r="C55" s="58" t="s">
        <v>304</v>
      </c>
      <c r="D55" s="49"/>
      <c r="E55" s="92"/>
      <c r="F55" s="93"/>
    </row>
    <row r="56" spans="2:6" s="4" customFormat="1" ht="30" customHeight="1" x14ac:dyDescent="0.25">
      <c r="B56" s="52" t="s">
        <v>76</v>
      </c>
      <c r="C56" s="58" t="s">
        <v>305</v>
      </c>
      <c r="D56" s="49"/>
      <c r="E56" s="92"/>
      <c r="F56" s="93"/>
    </row>
    <row r="57" spans="2:6" s="4" customFormat="1" ht="30" customHeight="1" x14ac:dyDescent="0.25">
      <c r="B57" s="52" t="s">
        <v>77</v>
      </c>
      <c r="C57" s="58" t="s">
        <v>306</v>
      </c>
      <c r="D57" s="49"/>
      <c r="E57" s="92"/>
      <c r="F57" s="93"/>
    </row>
    <row r="58" spans="2:6" s="4" customFormat="1" ht="30" customHeight="1" x14ac:dyDescent="0.25">
      <c r="B58" s="52" t="s">
        <v>110</v>
      </c>
      <c r="C58" s="58" t="s">
        <v>307</v>
      </c>
      <c r="D58" s="49"/>
      <c r="E58" s="92"/>
      <c r="F58" s="93"/>
    </row>
    <row r="59" spans="2:6" s="4" customFormat="1" ht="30" customHeight="1" x14ac:dyDescent="0.25">
      <c r="B59" s="52" t="s">
        <v>314</v>
      </c>
      <c r="C59" s="58" t="s">
        <v>308</v>
      </c>
      <c r="D59" s="49"/>
      <c r="E59" s="92"/>
      <c r="F59" s="93"/>
    </row>
    <row r="60" spans="2:6" s="4" customFormat="1" ht="30" customHeight="1" x14ac:dyDescent="0.25">
      <c r="B60" s="52" t="s">
        <v>315</v>
      </c>
      <c r="C60" s="58" t="s">
        <v>309</v>
      </c>
      <c r="D60" s="49"/>
      <c r="E60" s="92"/>
      <c r="F60" s="93"/>
    </row>
    <row r="61" spans="2:6" s="4" customFormat="1" ht="30" customHeight="1" x14ac:dyDescent="0.25">
      <c r="B61" s="52" t="s">
        <v>316</v>
      </c>
      <c r="C61" s="58" t="s">
        <v>339</v>
      </c>
      <c r="D61" s="49"/>
      <c r="E61" s="92"/>
      <c r="F61" s="93"/>
    </row>
    <row r="62" spans="2:6" s="4" customFormat="1" ht="30" customHeight="1" x14ac:dyDescent="0.25">
      <c r="B62" s="52" t="s">
        <v>317</v>
      </c>
      <c r="C62" s="58" t="s">
        <v>621</v>
      </c>
      <c r="D62" s="49"/>
      <c r="E62" s="92"/>
      <c r="F62" s="93"/>
    </row>
    <row r="63" spans="2:6" s="4" customFormat="1" ht="30" customHeight="1" x14ac:dyDescent="0.25">
      <c r="B63" s="52" t="s">
        <v>318</v>
      </c>
      <c r="C63" s="58" t="s">
        <v>620</v>
      </c>
      <c r="D63" s="49"/>
      <c r="E63" s="92"/>
      <c r="F63" s="93"/>
    </row>
    <row r="64" spans="2:6" s="4" customFormat="1" ht="30" customHeight="1" x14ac:dyDescent="0.25">
      <c r="B64" s="52" t="s">
        <v>319</v>
      </c>
      <c r="C64" s="58" t="s">
        <v>310</v>
      </c>
      <c r="D64" s="49"/>
      <c r="E64" s="92"/>
      <c r="F64" s="93"/>
    </row>
    <row r="65" spans="2:6" s="4" customFormat="1" ht="30" customHeight="1" x14ac:dyDescent="0.25">
      <c r="B65" s="52" t="s">
        <v>320</v>
      </c>
      <c r="C65" s="58" t="s">
        <v>346</v>
      </c>
      <c r="D65" s="49"/>
      <c r="E65" s="92"/>
      <c r="F65" s="93"/>
    </row>
    <row r="66" spans="2:6" s="4" customFormat="1" ht="30" customHeight="1" x14ac:dyDescent="0.25">
      <c r="B66" s="52" t="s">
        <v>321</v>
      </c>
      <c r="C66" s="58" t="s">
        <v>311</v>
      </c>
      <c r="D66" s="49"/>
      <c r="E66" s="92"/>
      <c r="F66" s="93"/>
    </row>
    <row r="67" spans="2:6" s="4" customFormat="1" ht="30" customHeight="1" x14ac:dyDescent="0.25">
      <c r="B67" s="52" t="s">
        <v>322</v>
      </c>
      <c r="C67" s="58" t="s">
        <v>312</v>
      </c>
      <c r="D67" s="49"/>
      <c r="E67" s="92"/>
      <c r="F67" s="93"/>
    </row>
    <row r="68" spans="2:6" s="4" customFormat="1" ht="86.25" customHeight="1" x14ac:dyDescent="0.25">
      <c r="B68" s="52" t="s">
        <v>323</v>
      </c>
      <c r="C68" s="58" t="s">
        <v>313</v>
      </c>
      <c r="D68" s="49"/>
      <c r="E68" s="92"/>
      <c r="F68" s="93"/>
    </row>
    <row r="69" spans="2:6" s="4" customFormat="1" ht="30" customHeight="1" x14ac:dyDescent="0.25">
      <c r="B69" s="62" t="s">
        <v>59</v>
      </c>
      <c r="C69" s="82" t="s">
        <v>324</v>
      </c>
      <c r="D69" s="61" t="s">
        <v>104</v>
      </c>
      <c r="E69" s="101" t="s">
        <v>104</v>
      </c>
      <c r="F69" s="102"/>
    </row>
    <row r="70" spans="2:6" s="4" customFormat="1" ht="30" customHeight="1" x14ac:dyDescent="0.25">
      <c r="B70" s="68" t="s">
        <v>98</v>
      </c>
      <c r="C70" s="57" t="s">
        <v>325</v>
      </c>
      <c r="D70" s="49"/>
      <c r="E70" s="92"/>
      <c r="F70" s="93"/>
    </row>
    <row r="71" spans="2:6" s="4" customFormat="1" ht="30" customHeight="1" x14ac:dyDescent="0.25">
      <c r="B71" s="68" t="s">
        <v>99</v>
      </c>
      <c r="C71" s="57" t="s">
        <v>301</v>
      </c>
      <c r="D71" s="49"/>
      <c r="E71" s="92"/>
      <c r="F71" s="93"/>
    </row>
    <row r="72" spans="2:6" s="4" customFormat="1" ht="45" customHeight="1" x14ac:dyDescent="0.25">
      <c r="B72" s="68" t="s">
        <v>326</v>
      </c>
      <c r="C72" s="57" t="s">
        <v>327</v>
      </c>
      <c r="D72" s="49"/>
      <c r="E72" s="92"/>
      <c r="F72" s="93"/>
    </row>
    <row r="73" spans="2:6" s="4" customFormat="1" ht="50.25" customHeight="1" x14ac:dyDescent="0.25">
      <c r="B73" s="68" t="s">
        <v>328</v>
      </c>
      <c r="C73" s="57" t="s">
        <v>302</v>
      </c>
      <c r="D73" s="49"/>
      <c r="E73" s="92"/>
      <c r="F73" s="93"/>
    </row>
    <row r="74" spans="2:6" s="4" customFormat="1" ht="85.5" customHeight="1" x14ac:dyDescent="0.25">
      <c r="B74" s="68" t="s">
        <v>329</v>
      </c>
      <c r="C74" s="57" t="s">
        <v>330</v>
      </c>
      <c r="D74" s="49"/>
      <c r="E74" s="92"/>
      <c r="F74" s="93"/>
    </row>
    <row r="75" spans="2:6" s="4" customFormat="1" ht="30" customHeight="1" x14ac:dyDescent="0.25">
      <c r="B75" s="68" t="s">
        <v>331</v>
      </c>
      <c r="C75" s="57" t="s">
        <v>332</v>
      </c>
      <c r="D75" s="49"/>
      <c r="E75" s="92"/>
      <c r="F75" s="93"/>
    </row>
    <row r="76" spans="2:6" s="4" customFormat="1" ht="30" customHeight="1" x14ac:dyDescent="0.25">
      <c r="B76" s="68" t="s">
        <v>333</v>
      </c>
      <c r="C76" s="57" t="s">
        <v>308</v>
      </c>
      <c r="D76" s="49"/>
      <c r="E76" s="92"/>
      <c r="F76" s="93"/>
    </row>
    <row r="77" spans="2:6" s="4" customFormat="1" ht="30" customHeight="1" x14ac:dyDescent="0.25">
      <c r="B77" s="68" t="s">
        <v>334</v>
      </c>
      <c r="C77" s="57" t="s">
        <v>335</v>
      </c>
      <c r="D77" s="49"/>
      <c r="E77" s="92"/>
      <c r="F77" s="93"/>
    </row>
    <row r="78" spans="2:6" s="4" customFormat="1" ht="30" customHeight="1" x14ac:dyDescent="0.25">
      <c r="B78" s="68" t="s">
        <v>336</v>
      </c>
      <c r="C78" s="57" t="s">
        <v>337</v>
      </c>
      <c r="D78" s="49"/>
      <c r="E78" s="92"/>
      <c r="F78" s="93"/>
    </row>
    <row r="79" spans="2:6" s="4" customFormat="1" ht="30" customHeight="1" x14ac:dyDescent="0.25">
      <c r="B79" s="68" t="s">
        <v>338</v>
      </c>
      <c r="C79" s="57" t="s">
        <v>339</v>
      </c>
      <c r="D79" s="49"/>
      <c r="E79" s="92"/>
      <c r="F79" s="93"/>
    </row>
    <row r="80" spans="2:6" s="4" customFormat="1" ht="30" customHeight="1" x14ac:dyDescent="0.25">
      <c r="B80" s="68" t="s">
        <v>340</v>
      </c>
      <c r="C80" s="57" t="s">
        <v>341</v>
      </c>
      <c r="D80" s="49"/>
      <c r="E80" s="92"/>
      <c r="F80" s="93"/>
    </row>
    <row r="81" spans="2:6" s="4" customFormat="1" ht="30" customHeight="1" x14ac:dyDescent="0.25">
      <c r="B81" s="68" t="s">
        <v>342</v>
      </c>
      <c r="C81" s="57" t="s">
        <v>343</v>
      </c>
      <c r="D81" s="49"/>
      <c r="E81" s="92"/>
      <c r="F81" s="93"/>
    </row>
    <row r="82" spans="2:6" s="4" customFormat="1" ht="30" customHeight="1" x14ac:dyDescent="0.25">
      <c r="B82" s="68" t="s">
        <v>344</v>
      </c>
      <c r="C82" s="57" t="s">
        <v>310</v>
      </c>
      <c r="D82" s="49"/>
      <c r="E82" s="92"/>
      <c r="F82" s="93"/>
    </row>
    <row r="83" spans="2:6" s="4" customFormat="1" ht="30" customHeight="1" x14ac:dyDescent="0.25">
      <c r="B83" s="68" t="s">
        <v>345</v>
      </c>
      <c r="C83" s="57" t="s">
        <v>346</v>
      </c>
      <c r="D83" s="49"/>
      <c r="E83" s="92"/>
      <c r="F83" s="93"/>
    </row>
    <row r="84" spans="2:6" s="4" customFormat="1" ht="30" customHeight="1" x14ac:dyDescent="0.25">
      <c r="B84" s="68" t="s">
        <v>347</v>
      </c>
      <c r="C84" s="57" t="s">
        <v>311</v>
      </c>
      <c r="D84" s="49"/>
      <c r="E84" s="92"/>
      <c r="F84" s="93"/>
    </row>
    <row r="85" spans="2:6" s="4" customFormat="1" ht="30" customHeight="1" x14ac:dyDescent="0.25">
      <c r="B85" s="68" t="s">
        <v>348</v>
      </c>
      <c r="C85" s="57" t="s">
        <v>349</v>
      </c>
      <c r="D85" s="49"/>
      <c r="E85" s="92"/>
      <c r="F85" s="93"/>
    </row>
    <row r="86" spans="2:6" s="4" customFormat="1" ht="86.25" customHeight="1" x14ac:dyDescent="0.25">
      <c r="B86" s="68" t="s">
        <v>350</v>
      </c>
      <c r="C86" s="57" t="s">
        <v>351</v>
      </c>
      <c r="D86" s="49"/>
      <c r="E86" s="92"/>
      <c r="F86" s="93"/>
    </row>
    <row r="87" spans="2:6" s="4" customFormat="1" ht="30" customHeight="1" x14ac:dyDescent="0.25">
      <c r="B87" s="62" t="s">
        <v>60</v>
      </c>
      <c r="C87" s="82" t="s">
        <v>352</v>
      </c>
      <c r="D87" s="61" t="s">
        <v>104</v>
      </c>
      <c r="E87" s="101" t="s">
        <v>104</v>
      </c>
      <c r="F87" s="102"/>
    </row>
    <row r="88" spans="2:6" s="4" customFormat="1" ht="30" customHeight="1" x14ac:dyDescent="0.25">
      <c r="B88" s="52" t="s">
        <v>111</v>
      </c>
      <c r="C88" s="58" t="s">
        <v>353</v>
      </c>
      <c r="D88" s="49"/>
      <c r="E88" s="92"/>
      <c r="F88" s="93"/>
    </row>
    <row r="89" spans="2:6" s="4" customFormat="1" ht="30" customHeight="1" x14ac:dyDescent="0.25">
      <c r="B89" s="52" t="s">
        <v>112</v>
      </c>
      <c r="C89" s="58" t="s">
        <v>354</v>
      </c>
      <c r="D89" s="49"/>
      <c r="E89" s="92"/>
      <c r="F89" s="93"/>
    </row>
    <row r="90" spans="2:6" s="4" customFormat="1" ht="30" customHeight="1" x14ac:dyDescent="0.25">
      <c r="B90" s="52" t="s">
        <v>113</v>
      </c>
      <c r="C90" s="58" t="s">
        <v>355</v>
      </c>
      <c r="D90" s="49"/>
      <c r="E90" s="92"/>
      <c r="F90" s="93"/>
    </row>
    <row r="91" spans="2:6" s="4" customFormat="1" ht="30" customHeight="1" x14ac:dyDescent="0.25">
      <c r="B91" s="52" t="s">
        <v>114</v>
      </c>
      <c r="C91" s="58" t="s">
        <v>356</v>
      </c>
      <c r="D91" s="49"/>
      <c r="E91" s="92"/>
      <c r="F91" s="93"/>
    </row>
    <row r="92" spans="2:6" s="4" customFormat="1" ht="30" customHeight="1" x14ac:dyDescent="0.25">
      <c r="B92" s="52" t="s">
        <v>115</v>
      </c>
      <c r="C92" s="58" t="s">
        <v>357</v>
      </c>
      <c r="D92" s="49"/>
      <c r="E92" s="92"/>
      <c r="F92" s="93"/>
    </row>
    <row r="93" spans="2:6" s="4" customFormat="1" ht="30" customHeight="1" x14ac:dyDescent="0.25">
      <c r="B93" s="52" t="s">
        <v>116</v>
      </c>
      <c r="C93" s="58" t="s">
        <v>358</v>
      </c>
      <c r="D93" s="49"/>
      <c r="E93" s="92"/>
      <c r="F93" s="93"/>
    </row>
    <row r="94" spans="2:6" s="4" customFormat="1" ht="30" customHeight="1" x14ac:dyDescent="0.25">
      <c r="B94" s="52" t="s">
        <v>117</v>
      </c>
      <c r="C94" s="58" t="s">
        <v>359</v>
      </c>
      <c r="D94" s="49"/>
      <c r="E94" s="92"/>
      <c r="F94" s="93"/>
    </row>
    <row r="95" spans="2:6" s="4" customFormat="1" ht="30" customHeight="1" x14ac:dyDescent="0.25">
      <c r="B95" s="52" t="s">
        <v>118</v>
      </c>
      <c r="C95" s="58" t="s">
        <v>360</v>
      </c>
      <c r="D95" s="49"/>
      <c r="E95" s="92"/>
      <c r="F95" s="93"/>
    </row>
    <row r="96" spans="2:6" s="4" customFormat="1" ht="30" customHeight="1" x14ac:dyDescent="0.25">
      <c r="B96" s="52" t="s">
        <v>361</v>
      </c>
      <c r="C96" s="58" t="s">
        <v>362</v>
      </c>
      <c r="D96" s="49"/>
      <c r="E96" s="92"/>
      <c r="F96" s="93"/>
    </row>
    <row r="97" spans="2:6" s="4" customFormat="1" ht="30" customHeight="1" x14ac:dyDescent="0.25">
      <c r="B97" s="52" t="s">
        <v>363</v>
      </c>
      <c r="C97" s="58" t="s">
        <v>364</v>
      </c>
      <c r="D97" s="49"/>
      <c r="E97" s="92"/>
      <c r="F97" s="93"/>
    </row>
    <row r="98" spans="2:6" s="4" customFormat="1" ht="30" customHeight="1" x14ac:dyDescent="0.25">
      <c r="B98" s="52" t="s">
        <v>365</v>
      </c>
      <c r="C98" s="58" t="s">
        <v>366</v>
      </c>
      <c r="D98" s="49"/>
      <c r="E98" s="92"/>
      <c r="F98" s="93"/>
    </row>
    <row r="99" spans="2:6" s="4" customFormat="1" ht="30" customHeight="1" x14ac:dyDescent="0.25">
      <c r="B99" s="52" t="s">
        <v>367</v>
      </c>
      <c r="C99" s="58" t="s">
        <v>368</v>
      </c>
      <c r="D99" s="49"/>
      <c r="E99" s="92"/>
      <c r="F99" s="93"/>
    </row>
    <row r="100" spans="2:6" s="4" customFormat="1" ht="30" customHeight="1" x14ac:dyDescent="0.25">
      <c r="B100" s="52" t="s">
        <v>369</v>
      </c>
      <c r="C100" s="58" t="s">
        <v>370</v>
      </c>
      <c r="D100" s="49"/>
      <c r="E100" s="92"/>
      <c r="F100" s="93"/>
    </row>
    <row r="101" spans="2:6" s="4" customFormat="1" ht="30" customHeight="1" x14ac:dyDescent="0.25">
      <c r="B101" s="52" t="s">
        <v>371</v>
      </c>
      <c r="C101" s="58" t="s">
        <v>372</v>
      </c>
      <c r="D101" s="49"/>
      <c r="E101" s="92"/>
      <c r="F101" s="93"/>
    </row>
    <row r="102" spans="2:6" s="4" customFormat="1" ht="30" customHeight="1" x14ac:dyDescent="0.25">
      <c r="B102" s="52" t="s">
        <v>373</v>
      </c>
      <c r="C102" s="58" t="s">
        <v>374</v>
      </c>
      <c r="D102" s="49"/>
      <c r="E102" s="92"/>
      <c r="F102" s="93"/>
    </row>
    <row r="103" spans="2:6" s="4" customFormat="1" ht="30" customHeight="1" x14ac:dyDescent="0.25">
      <c r="B103" s="52" t="s">
        <v>375</v>
      </c>
      <c r="C103" s="58" t="s">
        <v>376</v>
      </c>
      <c r="D103" s="49"/>
      <c r="E103" s="92"/>
      <c r="F103" s="93"/>
    </row>
    <row r="104" spans="2:6" s="4" customFormat="1" ht="51" customHeight="1" x14ac:dyDescent="0.25">
      <c r="B104" s="52" t="s">
        <v>377</v>
      </c>
      <c r="C104" s="58" t="s">
        <v>378</v>
      </c>
      <c r="D104" s="49"/>
      <c r="E104" s="92"/>
      <c r="F104" s="93"/>
    </row>
    <row r="105" spans="2:6" s="4" customFormat="1" ht="30" customHeight="1" x14ac:dyDescent="0.25">
      <c r="B105" s="62" t="s">
        <v>61</v>
      </c>
      <c r="C105" s="82" t="s">
        <v>379</v>
      </c>
      <c r="D105" s="61" t="s">
        <v>104</v>
      </c>
      <c r="E105" s="101" t="s">
        <v>104</v>
      </c>
      <c r="F105" s="102"/>
    </row>
    <row r="106" spans="2:6" s="4" customFormat="1" ht="30" customHeight="1" x14ac:dyDescent="0.25">
      <c r="B106" s="68" t="s">
        <v>78</v>
      </c>
      <c r="C106" s="57" t="s">
        <v>380</v>
      </c>
      <c r="D106" s="49"/>
      <c r="E106" s="92"/>
      <c r="F106" s="93"/>
    </row>
    <row r="107" spans="2:6" s="4" customFormat="1" ht="30" customHeight="1" x14ac:dyDescent="0.25">
      <c r="B107" s="68" t="s">
        <v>79</v>
      </c>
      <c r="C107" s="57" t="s">
        <v>381</v>
      </c>
      <c r="D107" s="49"/>
      <c r="E107" s="92"/>
      <c r="F107" s="93"/>
    </row>
    <row r="108" spans="2:6" s="4" customFormat="1" ht="30" customHeight="1" x14ac:dyDescent="0.25">
      <c r="B108" s="68" t="s">
        <v>80</v>
      </c>
      <c r="C108" s="57" t="s">
        <v>382</v>
      </c>
      <c r="D108" s="49"/>
      <c r="E108" s="92"/>
      <c r="F108" s="93"/>
    </row>
    <row r="109" spans="2:6" s="4" customFormat="1" ht="30" customHeight="1" x14ac:dyDescent="0.25">
      <c r="B109" s="68" t="s">
        <v>81</v>
      </c>
      <c r="C109" s="57" t="s">
        <v>383</v>
      </c>
      <c r="D109" s="49"/>
      <c r="E109" s="92"/>
      <c r="F109" s="93"/>
    </row>
    <row r="110" spans="2:6" s="4" customFormat="1" ht="30" customHeight="1" x14ac:dyDescent="0.25">
      <c r="B110" s="68" t="s">
        <v>82</v>
      </c>
      <c r="C110" s="57" t="s">
        <v>384</v>
      </c>
      <c r="D110" s="49"/>
      <c r="E110" s="92"/>
      <c r="F110" s="93"/>
    </row>
    <row r="111" spans="2:6" s="4" customFormat="1" ht="60" customHeight="1" x14ac:dyDescent="0.25">
      <c r="B111" s="68" t="s">
        <v>119</v>
      </c>
      <c r="C111" s="57" t="s">
        <v>385</v>
      </c>
      <c r="D111" s="49"/>
      <c r="E111" s="92"/>
      <c r="F111" s="93"/>
    </row>
    <row r="112" spans="2:6" s="4" customFormat="1" ht="30" customHeight="1" x14ac:dyDescent="0.25">
      <c r="B112" s="68" t="s">
        <v>386</v>
      </c>
      <c r="C112" s="57" t="s">
        <v>387</v>
      </c>
      <c r="D112" s="49"/>
      <c r="E112" s="92"/>
      <c r="F112" s="93"/>
    </row>
    <row r="113" spans="2:6" s="4" customFormat="1" ht="30" customHeight="1" x14ac:dyDescent="0.25">
      <c r="B113" s="62" t="s">
        <v>62</v>
      </c>
      <c r="C113" s="82" t="s">
        <v>388</v>
      </c>
      <c r="D113" s="61" t="s">
        <v>104</v>
      </c>
      <c r="E113" s="101" t="s">
        <v>104</v>
      </c>
      <c r="F113" s="102"/>
    </row>
    <row r="114" spans="2:6" s="4" customFormat="1" ht="30" customHeight="1" x14ac:dyDescent="0.25">
      <c r="B114" s="52" t="s">
        <v>120</v>
      </c>
      <c r="C114" s="58" t="s">
        <v>389</v>
      </c>
      <c r="D114" s="49"/>
      <c r="E114" s="92"/>
      <c r="F114" s="93"/>
    </row>
    <row r="115" spans="2:6" s="4" customFormat="1" ht="30" customHeight="1" x14ac:dyDescent="0.25">
      <c r="B115" s="52" t="s">
        <v>121</v>
      </c>
      <c r="C115" s="58" t="s">
        <v>390</v>
      </c>
      <c r="D115" s="49"/>
      <c r="E115" s="92"/>
      <c r="F115" s="93"/>
    </row>
    <row r="116" spans="2:6" s="4" customFormat="1" ht="30" customHeight="1" x14ac:dyDescent="0.25">
      <c r="B116" s="52" t="s">
        <v>122</v>
      </c>
      <c r="C116" s="58" t="s">
        <v>391</v>
      </c>
      <c r="D116" s="49"/>
      <c r="E116" s="92"/>
      <c r="F116" s="93"/>
    </row>
    <row r="117" spans="2:6" s="4" customFormat="1" ht="30" customHeight="1" x14ac:dyDescent="0.25">
      <c r="B117" s="52" t="s">
        <v>123</v>
      </c>
      <c r="C117" s="58" t="s">
        <v>392</v>
      </c>
      <c r="D117" s="49"/>
      <c r="E117" s="92"/>
      <c r="F117" s="93"/>
    </row>
    <row r="118" spans="2:6" s="4" customFormat="1" ht="30" customHeight="1" x14ac:dyDescent="0.25">
      <c r="B118" s="52" t="s">
        <v>124</v>
      </c>
      <c r="C118" s="58" t="s">
        <v>393</v>
      </c>
      <c r="D118" s="49"/>
      <c r="E118" s="92"/>
      <c r="F118" s="93"/>
    </row>
    <row r="119" spans="2:6" s="4" customFormat="1" ht="30" customHeight="1" x14ac:dyDescent="0.25">
      <c r="B119" s="52" t="s">
        <v>125</v>
      </c>
      <c r="C119" s="58" t="s">
        <v>394</v>
      </c>
      <c r="D119" s="49"/>
      <c r="E119" s="92"/>
      <c r="F119" s="93"/>
    </row>
    <row r="120" spans="2:6" s="4" customFormat="1" ht="30" customHeight="1" x14ac:dyDescent="0.25">
      <c r="B120" s="52" t="s">
        <v>126</v>
      </c>
      <c r="C120" s="58" t="s">
        <v>395</v>
      </c>
      <c r="D120" s="49"/>
      <c r="E120" s="92"/>
      <c r="F120" s="93"/>
    </row>
    <row r="121" spans="2:6" s="4" customFormat="1" ht="30" customHeight="1" x14ac:dyDescent="0.25">
      <c r="B121" s="52" t="s">
        <v>127</v>
      </c>
      <c r="C121" s="58" t="s">
        <v>396</v>
      </c>
      <c r="D121" s="49"/>
      <c r="E121" s="92"/>
      <c r="F121" s="93"/>
    </row>
    <row r="122" spans="2:6" s="4" customFormat="1" ht="30" customHeight="1" x14ac:dyDescent="0.25">
      <c r="B122" s="52" t="s">
        <v>128</v>
      </c>
      <c r="C122" s="58" t="s">
        <v>397</v>
      </c>
      <c r="D122" s="49"/>
      <c r="E122" s="92"/>
      <c r="F122" s="93"/>
    </row>
    <row r="123" spans="2:6" s="4" customFormat="1" ht="30" customHeight="1" x14ac:dyDescent="0.25">
      <c r="B123" s="52" t="s">
        <v>398</v>
      </c>
      <c r="C123" s="58" t="s">
        <v>399</v>
      </c>
      <c r="D123" s="49"/>
      <c r="E123" s="92"/>
      <c r="F123" s="93"/>
    </row>
    <row r="124" spans="2:6" s="4" customFormat="1" ht="30" customHeight="1" x14ac:dyDescent="0.25">
      <c r="B124" s="52" t="s">
        <v>400</v>
      </c>
      <c r="C124" s="58" t="s">
        <v>401</v>
      </c>
      <c r="D124" s="49"/>
      <c r="E124" s="92"/>
      <c r="F124" s="93"/>
    </row>
    <row r="125" spans="2:6" s="4" customFormat="1" ht="30" customHeight="1" x14ac:dyDescent="0.25">
      <c r="B125" s="52" t="s">
        <v>402</v>
      </c>
      <c r="C125" s="58" t="s">
        <v>403</v>
      </c>
      <c r="D125" s="49"/>
      <c r="E125" s="92"/>
      <c r="F125" s="93"/>
    </row>
    <row r="126" spans="2:6" s="4" customFormat="1" ht="30" customHeight="1" x14ac:dyDescent="0.25">
      <c r="B126" s="62" t="s">
        <v>71</v>
      </c>
      <c r="C126" s="82" t="s">
        <v>404</v>
      </c>
      <c r="D126" s="61" t="s">
        <v>104</v>
      </c>
      <c r="E126" s="101" t="s">
        <v>104</v>
      </c>
      <c r="F126" s="102"/>
    </row>
    <row r="127" spans="2:6" s="4" customFormat="1" ht="30" customHeight="1" x14ac:dyDescent="0.25">
      <c r="B127" s="52" t="s">
        <v>129</v>
      </c>
      <c r="C127" s="58" t="s">
        <v>405</v>
      </c>
      <c r="D127" s="49"/>
      <c r="E127" s="92"/>
      <c r="F127" s="93"/>
    </row>
    <row r="128" spans="2:6" s="4" customFormat="1" ht="44.25" customHeight="1" x14ac:dyDescent="0.25">
      <c r="B128" s="52" t="s">
        <v>130</v>
      </c>
      <c r="C128" s="58" t="s">
        <v>406</v>
      </c>
      <c r="D128" s="49"/>
      <c r="E128" s="92"/>
      <c r="F128" s="93"/>
    </row>
    <row r="129" spans="2:6" s="4" customFormat="1" ht="30" customHeight="1" x14ac:dyDescent="0.25">
      <c r="B129" s="62" t="s">
        <v>63</v>
      </c>
      <c r="C129" s="82" t="s">
        <v>407</v>
      </c>
      <c r="D129" s="61" t="s">
        <v>104</v>
      </c>
      <c r="E129" s="101" t="s">
        <v>104</v>
      </c>
      <c r="F129" s="102"/>
    </row>
    <row r="130" spans="2:6" s="4" customFormat="1" ht="45.75" customHeight="1" x14ac:dyDescent="0.25">
      <c r="B130" s="52" t="s">
        <v>131</v>
      </c>
      <c r="C130" s="58" t="s">
        <v>408</v>
      </c>
      <c r="D130" s="49"/>
      <c r="E130" s="92"/>
      <c r="F130" s="93"/>
    </row>
    <row r="131" spans="2:6" s="4" customFormat="1" ht="30" customHeight="1" x14ac:dyDescent="0.25">
      <c r="B131" s="52" t="s">
        <v>132</v>
      </c>
      <c r="C131" s="58" t="s">
        <v>409</v>
      </c>
      <c r="D131" s="49"/>
      <c r="E131" s="92"/>
      <c r="F131" s="93"/>
    </row>
    <row r="132" spans="2:6" s="4" customFormat="1" ht="30" customHeight="1" x14ac:dyDescent="0.25">
      <c r="B132" s="52" t="s">
        <v>133</v>
      </c>
      <c r="C132" s="58" t="s">
        <v>410</v>
      </c>
      <c r="D132" s="49"/>
      <c r="E132" s="92"/>
      <c r="F132" s="93"/>
    </row>
    <row r="133" spans="2:6" s="4" customFormat="1" ht="30" customHeight="1" x14ac:dyDescent="0.25">
      <c r="B133" s="52" t="s">
        <v>134</v>
      </c>
      <c r="C133" s="58" t="s">
        <v>411</v>
      </c>
      <c r="D133" s="49"/>
      <c r="E133" s="92"/>
      <c r="F133" s="93"/>
    </row>
    <row r="134" spans="2:6" s="4" customFormat="1" ht="30" customHeight="1" x14ac:dyDescent="0.25">
      <c r="B134" s="52" t="s">
        <v>135</v>
      </c>
      <c r="C134" s="58" t="s">
        <v>412</v>
      </c>
      <c r="D134" s="49"/>
      <c r="E134" s="92"/>
      <c r="F134" s="93"/>
    </row>
    <row r="135" spans="2:6" s="4" customFormat="1" ht="55.5" customHeight="1" x14ac:dyDescent="0.25">
      <c r="B135" s="52" t="s">
        <v>136</v>
      </c>
      <c r="C135" s="58" t="s">
        <v>413</v>
      </c>
      <c r="D135" s="49"/>
      <c r="E135" s="92"/>
      <c r="F135" s="93"/>
    </row>
    <row r="136" spans="2:6" s="4" customFormat="1" ht="30" customHeight="1" x14ac:dyDescent="0.25">
      <c r="B136" s="52" t="s">
        <v>137</v>
      </c>
      <c r="C136" s="58" t="s">
        <v>414</v>
      </c>
      <c r="D136" s="49"/>
      <c r="E136" s="92"/>
      <c r="F136" s="93"/>
    </row>
    <row r="137" spans="2:6" s="4" customFormat="1" ht="30" customHeight="1" x14ac:dyDescent="0.25">
      <c r="B137" s="52" t="s">
        <v>138</v>
      </c>
      <c r="C137" s="58" t="s">
        <v>415</v>
      </c>
      <c r="D137" s="49"/>
      <c r="E137" s="92"/>
      <c r="F137" s="93"/>
    </row>
    <row r="138" spans="2:6" s="4" customFormat="1" ht="30" customHeight="1" x14ac:dyDescent="0.25">
      <c r="B138" s="52" t="s">
        <v>139</v>
      </c>
      <c r="C138" s="58" t="s">
        <v>416</v>
      </c>
      <c r="D138" s="49"/>
      <c r="E138" s="92"/>
      <c r="F138" s="93"/>
    </row>
    <row r="139" spans="2:6" s="4" customFormat="1" ht="30" customHeight="1" x14ac:dyDescent="0.25">
      <c r="B139" s="52" t="s">
        <v>417</v>
      </c>
      <c r="C139" s="58" t="s">
        <v>418</v>
      </c>
      <c r="D139" s="49"/>
      <c r="E139" s="92"/>
      <c r="F139" s="93"/>
    </row>
    <row r="140" spans="2:6" s="4" customFormat="1" ht="30" customHeight="1" x14ac:dyDescent="0.25">
      <c r="B140" s="52" t="s">
        <v>419</v>
      </c>
      <c r="C140" s="58" t="s">
        <v>420</v>
      </c>
      <c r="D140" s="49"/>
      <c r="E140" s="92"/>
      <c r="F140" s="93"/>
    </row>
    <row r="141" spans="2:6" s="4" customFormat="1" ht="30" customHeight="1" x14ac:dyDescent="0.25">
      <c r="B141" s="52" t="s">
        <v>421</v>
      </c>
      <c r="C141" s="58" t="s">
        <v>422</v>
      </c>
      <c r="D141" s="49"/>
      <c r="E141" s="92"/>
      <c r="F141" s="93"/>
    </row>
    <row r="142" spans="2:6" s="4" customFormat="1" ht="30" customHeight="1" x14ac:dyDescent="0.25">
      <c r="B142" s="52" t="s">
        <v>423</v>
      </c>
      <c r="C142" s="58" t="s">
        <v>424</v>
      </c>
      <c r="D142" s="49"/>
      <c r="E142" s="92"/>
      <c r="F142" s="93"/>
    </row>
    <row r="143" spans="2:6" s="4" customFormat="1" ht="46.5" customHeight="1" x14ac:dyDescent="0.25">
      <c r="B143" s="52" t="s">
        <v>425</v>
      </c>
      <c r="C143" s="58" t="s">
        <v>426</v>
      </c>
      <c r="D143" s="49"/>
      <c r="E143" s="92"/>
      <c r="F143" s="93"/>
    </row>
    <row r="144" spans="2:6" s="4" customFormat="1" ht="30" customHeight="1" x14ac:dyDescent="0.25">
      <c r="B144" s="52" t="s">
        <v>427</v>
      </c>
      <c r="C144" s="58" t="s">
        <v>428</v>
      </c>
      <c r="D144" s="49"/>
      <c r="E144" s="92"/>
      <c r="F144" s="93"/>
    </row>
    <row r="145" spans="2:6" s="4" customFormat="1" ht="30" customHeight="1" x14ac:dyDescent="0.25">
      <c r="B145" s="52" t="s">
        <v>429</v>
      </c>
      <c r="C145" s="58" t="s">
        <v>430</v>
      </c>
      <c r="D145" s="49"/>
      <c r="E145" s="92"/>
      <c r="F145" s="93"/>
    </row>
    <row r="146" spans="2:6" s="4" customFormat="1" ht="49.5" customHeight="1" x14ac:dyDescent="0.25">
      <c r="B146" s="52" t="s">
        <v>431</v>
      </c>
      <c r="C146" s="58" t="s">
        <v>622</v>
      </c>
      <c r="D146" s="49"/>
      <c r="E146" s="92"/>
      <c r="F146" s="93"/>
    </row>
    <row r="147" spans="2:6" s="4" customFormat="1" ht="30" customHeight="1" x14ac:dyDescent="0.25">
      <c r="B147" s="62" t="s">
        <v>64</v>
      </c>
      <c r="C147" s="82" t="s">
        <v>432</v>
      </c>
      <c r="D147" s="61" t="s">
        <v>104</v>
      </c>
      <c r="E147" s="101" t="s">
        <v>104</v>
      </c>
      <c r="F147" s="102"/>
    </row>
    <row r="148" spans="2:6" s="4" customFormat="1" ht="30" customHeight="1" x14ac:dyDescent="0.25">
      <c r="B148" s="52" t="s">
        <v>141</v>
      </c>
      <c r="C148" s="58" t="s">
        <v>433</v>
      </c>
      <c r="D148" s="49"/>
      <c r="E148" s="92"/>
      <c r="F148" s="93"/>
    </row>
    <row r="149" spans="2:6" s="4" customFormat="1" ht="30" customHeight="1" x14ac:dyDescent="0.25">
      <c r="B149" s="52" t="s">
        <v>142</v>
      </c>
      <c r="C149" s="58" t="s">
        <v>434</v>
      </c>
      <c r="D149" s="49"/>
      <c r="E149" s="92"/>
      <c r="F149" s="93"/>
    </row>
    <row r="150" spans="2:6" s="4" customFormat="1" ht="30" customHeight="1" x14ac:dyDescent="0.25">
      <c r="B150" s="52" t="s">
        <v>143</v>
      </c>
      <c r="C150" s="58" t="s">
        <v>435</v>
      </c>
      <c r="D150" s="49"/>
      <c r="E150" s="92"/>
      <c r="F150" s="93"/>
    </row>
    <row r="151" spans="2:6" s="4" customFormat="1" ht="39.75" customHeight="1" x14ac:dyDescent="0.25">
      <c r="B151" s="52" t="s">
        <v>144</v>
      </c>
      <c r="C151" s="58" t="s">
        <v>623</v>
      </c>
      <c r="D151" s="49"/>
      <c r="E151" s="92"/>
      <c r="F151" s="93"/>
    </row>
    <row r="152" spans="2:6" s="4" customFormat="1" ht="30" customHeight="1" x14ac:dyDescent="0.25">
      <c r="B152" s="52" t="s">
        <v>145</v>
      </c>
      <c r="C152" s="58" t="s">
        <v>624</v>
      </c>
      <c r="D152" s="49"/>
      <c r="E152" s="92"/>
      <c r="F152" s="93"/>
    </row>
    <row r="153" spans="2:6" s="4" customFormat="1" ht="30" customHeight="1" x14ac:dyDescent="0.25">
      <c r="B153" s="52" t="s">
        <v>146</v>
      </c>
      <c r="C153" s="58" t="s">
        <v>436</v>
      </c>
      <c r="D153" s="49"/>
      <c r="E153" s="92"/>
      <c r="F153" s="93"/>
    </row>
    <row r="154" spans="2:6" s="4" customFormat="1" ht="30" customHeight="1" x14ac:dyDescent="0.25">
      <c r="B154" s="52" t="s">
        <v>147</v>
      </c>
      <c r="C154" s="58" t="s">
        <v>437</v>
      </c>
      <c r="D154" s="49"/>
      <c r="E154" s="92"/>
      <c r="F154" s="93"/>
    </row>
    <row r="155" spans="2:6" s="4" customFormat="1" ht="30" customHeight="1" x14ac:dyDescent="0.25">
      <c r="B155" s="52" t="s">
        <v>438</v>
      </c>
      <c r="C155" s="58" t="s">
        <v>625</v>
      </c>
      <c r="D155" s="49"/>
      <c r="E155" s="92"/>
      <c r="F155" s="93"/>
    </row>
    <row r="156" spans="2:6" s="4" customFormat="1" ht="30" customHeight="1" x14ac:dyDescent="0.25">
      <c r="B156" s="52" t="s">
        <v>439</v>
      </c>
      <c r="C156" s="58" t="s">
        <v>440</v>
      </c>
      <c r="D156" s="49"/>
      <c r="E156" s="92"/>
      <c r="F156" s="93"/>
    </row>
    <row r="157" spans="2:6" s="4" customFormat="1" ht="30" customHeight="1" x14ac:dyDescent="0.25">
      <c r="B157" s="52" t="s">
        <v>441</v>
      </c>
      <c r="C157" s="58" t="s">
        <v>442</v>
      </c>
      <c r="D157" s="49"/>
      <c r="E157" s="92"/>
      <c r="F157" s="93"/>
    </row>
    <row r="158" spans="2:6" s="4" customFormat="1" ht="30" customHeight="1" x14ac:dyDescent="0.25">
      <c r="B158" s="52" t="s">
        <v>443</v>
      </c>
      <c r="C158" s="58" t="s">
        <v>444</v>
      </c>
      <c r="D158" s="49"/>
      <c r="E158" s="92"/>
      <c r="F158" s="93"/>
    </row>
    <row r="159" spans="2:6" s="4" customFormat="1" ht="30" customHeight="1" x14ac:dyDescent="0.25">
      <c r="B159" s="52" t="s">
        <v>445</v>
      </c>
      <c r="C159" s="58" t="s">
        <v>446</v>
      </c>
      <c r="D159" s="49"/>
      <c r="E159" s="92"/>
      <c r="F159" s="93"/>
    </row>
    <row r="160" spans="2:6" s="4" customFormat="1" ht="30" customHeight="1" x14ac:dyDescent="0.25">
      <c r="B160" s="52" t="s">
        <v>447</v>
      </c>
      <c r="C160" s="58" t="s">
        <v>448</v>
      </c>
      <c r="D160" s="49"/>
      <c r="E160" s="92"/>
      <c r="F160" s="93"/>
    </row>
    <row r="161" spans="2:6" s="4" customFormat="1" ht="30" customHeight="1" x14ac:dyDescent="0.25">
      <c r="B161" s="52" t="s">
        <v>449</v>
      </c>
      <c r="C161" s="58" t="s">
        <v>450</v>
      </c>
      <c r="D161" s="49"/>
      <c r="E161" s="92"/>
      <c r="F161" s="93"/>
    </row>
    <row r="162" spans="2:6" s="4" customFormat="1" ht="30" customHeight="1" x14ac:dyDescent="0.25">
      <c r="B162" s="52" t="s">
        <v>451</v>
      </c>
      <c r="C162" s="58" t="s">
        <v>452</v>
      </c>
      <c r="D162" s="49"/>
      <c r="E162" s="92"/>
      <c r="F162" s="93"/>
    </row>
    <row r="163" spans="2:6" s="4" customFormat="1" ht="30" customHeight="1" x14ac:dyDescent="0.25">
      <c r="B163" s="52" t="s">
        <v>453</v>
      </c>
      <c r="C163" s="58" t="s">
        <v>454</v>
      </c>
      <c r="D163" s="49"/>
      <c r="E163" s="92"/>
      <c r="F163" s="93"/>
    </row>
    <row r="164" spans="2:6" s="4" customFormat="1" ht="30" customHeight="1" x14ac:dyDescent="0.25">
      <c r="B164" s="52" t="s">
        <v>455</v>
      </c>
      <c r="C164" s="58" t="s">
        <v>456</v>
      </c>
      <c r="D164" s="49"/>
      <c r="E164" s="92"/>
      <c r="F164" s="93"/>
    </row>
    <row r="165" spans="2:6" s="4" customFormat="1" ht="30" customHeight="1" x14ac:dyDescent="0.25">
      <c r="B165" s="52" t="s">
        <v>457</v>
      </c>
      <c r="C165" s="58" t="s">
        <v>140</v>
      </c>
      <c r="D165" s="49"/>
      <c r="E165" s="92"/>
      <c r="F165" s="93"/>
    </row>
    <row r="166" spans="2:6" s="4" customFormat="1" ht="30" customHeight="1" x14ac:dyDescent="0.25">
      <c r="B166" s="52" t="s">
        <v>458</v>
      </c>
      <c r="C166" s="58" t="s">
        <v>459</v>
      </c>
      <c r="D166" s="49"/>
      <c r="E166" s="92"/>
      <c r="F166" s="93"/>
    </row>
    <row r="167" spans="2:6" s="4" customFormat="1" ht="30" customHeight="1" x14ac:dyDescent="0.25">
      <c r="B167" s="52" t="s">
        <v>460</v>
      </c>
      <c r="C167" s="58" t="s">
        <v>461</v>
      </c>
      <c r="D167" s="49"/>
      <c r="E167" s="92"/>
      <c r="F167" s="93"/>
    </row>
    <row r="168" spans="2:6" s="4" customFormat="1" ht="30" customHeight="1" x14ac:dyDescent="0.25">
      <c r="B168" s="52" t="s">
        <v>462</v>
      </c>
      <c r="C168" s="58" t="s">
        <v>463</v>
      </c>
      <c r="D168" s="49"/>
      <c r="E168" s="92"/>
      <c r="F168" s="93"/>
    </row>
    <row r="169" spans="2:6" s="4" customFormat="1" ht="48" customHeight="1" x14ac:dyDescent="0.25">
      <c r="B169" s="52" t="s">
        <v>464</v>
      </c>
      <c r="C169" s="58" t="s">
        <v>465</v>
      </c>
      <c r="D169" s="49"/>
      <c r="E169" s="92"/>
      <c r="F169" s="93"/>
    </row>
    <row r="170" spans="2:6" s="4" customFormat="1" ht="30" customHeight="1" x14ac:dyDescent="0.25">
      <c r="B170" s="62" t="s">
        <v>65</v>
      </c>
      <c r="C170" s="82" t="s">
        <v>466</v>
      </c>
      <c r="D170" s="61" t="s">
        <v>104</v>
      </c>
      <c r="E170" s="101" t="s">
        <v>104</v>
      </c>
      <c r="F170" s="102"/>
    </row>
    <row r="171" spans="2:6" s="4" customFormat="1" ht="42" customHeight="1" x14ac:dyDescent="0.25">
      <c r="B171" s="52" t="s">
        <v>83</v>
      </c>
      <c r="C171" s="58" t="s">
        <v>467</v>
      </c>
      <c r="D171" s="49"/>
      <c r="E171" s="92"/>
      <c r="F171" s="93"/>
    </row>
    <row r="172" spans="2:6" s="4" customFormat="1" ht="30" customHeight="1" x14ac:dyDescent="0.25">
      <c r="B172" s="52" t="s">
        <v>84</v>
      </c>
      <c r="C172" s="58" t="s">
        <v>468</v>
      </c>
      <c r="D172" s="49"/>
      <c r="E172" s="92"/>
      <c r="F172" s="93"/>
    </row>
    <row r="173" spans="2:6" s="4" customFormat="1" ht="30" customHeight="1" x14ac:dyDescent="0.25">
      <c r="B173" s="62" t="s">
        <v>66</v>
      </c>
      <c r="C173" s="82" t="s">
        <v>469</v>
      </c>
      <c r="D173" s="61" t="s">
        <v>104</v>
      </c>
      <c r="E173" s="101" t="s">
        <v>104</v>
      </c>
      <c r="F173" s="102"/>
    </row>
    <row r="174" spans="2:6" s="63" customFormat="1" ht="48" customHeight="1" x14ac:dyDescent="0.25">
      <c r="B174" s="68" t="s">
        <v>148</v>
      </c>
      <c r="C174" s="57" t="s">
        <v>470</v>
      </c>
      <c r="D174" s="83" t="s">
        <v>104</v>
      </c>
      <c r="E174" s="94" t="s">
        <v>104</v>
      </c>
      <c r="F174" s="95"/>
    </row>
    <row r="175" spans="2:6" s="63" customFormat="1" ht="46.5" customHeight="1" x14ac:dyDescent="0.25">
      <c r="B175" s="68" t="s">
        <v>149</v>
      </c>
      <c r="C175" s="57" t="s">
        <v>471</v>
      </c>
      <c r="D175" s="83"/>
      <c r="E175" s="94"/>
      <c r="F175" s="95"/>
    </row>
    <row r="176" spans="2:6" s="4" customFormat="1" ht="30" customHeight="1" x14ac:dyDescent="0.25">
      <c r="B176" s="62" t="s">
        <v>72</v>
      </c>
      <c r="C176" s="82" t="s">
        <v>472</v>
      </c>
      <c r="D176" s="61" t="s">
        <v>104</v>
      </c>
      <c r="E176" s="101" t="s">
        <v>104</v>
      </c>
      <c r="F176" s="102"/>
    </row>
    <row r="177" spans="2:6" s="63" customFormat="1" ht="60" customHeight="1" x14ac:dyDescent="0.25">
      <c r="B177" s="59" t="s">
        <v>85</v>
      </c>
      <c r="C177" s="58" t="s">
        <v>473</v>
      </c>
      <c r="D177" s="83"/>
      <c r="E177" s="94"/>
      <c r="F177" s="95"/>
    </row>
    <row r="178" spans="2:6" s="63" customFormat="1" ht="57.75" customHeight="1" x14ac:dyDescent="0.25">
      <c r="B178" s="59" t="s">
        <v>86</v>
      </c>
      <c r="C178" s="58" t="s">
        <v>474</v>
      </c>
      <c r="D178" s="83"/>
      <c r="E178" s="94"/>
      <c r="F178" s="95"/>
    </row>
    <row r="179" spans="2:6" s="63" customFormat="1" ht="49.5" customHeight="1" x14ac:dyDescent="0.25">
      <c r="B179" s="59" t="s">
        <v>87</v>
      </c>
      <c r="C179" s="58" t="s">
        <v>475</v>
      </c>
      <c r="D179" s="83"/>
      <c r="E179" s="94"/>
      <c r="F179" s="95"/>
    </row>
    <row r="180" spans="2:6" s="63" customFormat="1" ht="30" customHeight="1" x14ac:dyDescent="0.25">
      <c r="B180" s="59" t="s">
        <v>88</v>
      </c>
      <c r="C180" s="58" t="s">
        <v>476</v>
      </c>
      <c r="D180" s="83"/>
      <c r="E180" s="94"/>
      <c r="F180" s="95"/>
    </row>
    <row r="181" spans="2:6" s="66" customFormat="1" ht="30.75" customHeight="1" x14ac:dyDescent="0.25">
      <c r="B181" s="59" t="s">
        <v>89</v>
      </c>
      <c r="C181" s="57" t="s">
        <v>477</v>
      </c>
      <c r="D181" s="83"/>
      <c r="E181" s="94"/>
      <c r="F181" s="95"/>
    </row>
    <row r="182" spans="2:6" s="66" customFormat="1" ht="30.75" customHeight="1" x14ac:dyDescent="0.25">
      <c r="B182" s="59" t="s">
        <v>90</v>
      </c>
      <c r="C182" s="58" t="s">
        <v>478</v>
      </c>
      <c r="D182" s="83"/>
      <c r="E182" s="94"/>
      <c r="F182" s="95"/>
    </row>
    <row r="183" spans="2:6" s="66" customFormat="1" ht="30.75" customHeight="1" x14ac:dyDescent="0.25">
      <c r="B183" s="59" t="s">
        <v>479</v>
      </c>
      <c r="C183" s="58" t="s">
        <v>480</v>
      </c>
      <c r="D183" s="83"/>
      <c r="E183" s="94"/>
      <c r="F183" s="95"/>
    </row>
    <row r="184" spans="2:6" s="66" customFormat="1" ht="30.75" customHeight="1" x14ac:dyDescent="0.25">
      <c r="B184" s="59" t="s">
        <v>481</v>
      </c>
      <c r="C184" s="58" t="s">
        <v>482</v>
      </c>
      <c r="D184" s="83"/>
      <c r="E184" s="94"/>
      <c r="F184" s="95"/>
    </row>
    <row r="185" spans="2:6" s="66" customFormat="1" ht="58.5" customHeight="1" x14ac:dyDescent="0.25">
      <c r="B185" s="59" t="s">
        <v>91</v>
      </c>
      <c r="C185" s="58" t="s">
        <v>483</v>
      </c>
      <c r="D185" s="83"/>
      <c r="E185" s="94"/>
      <c r="F185" s="95"/>
    </row>
    <row r="186" spans="2:6" s="66" customFormat="1" ht="30.75" customHeight="1" x14ac:dyDescent="0.25">
      <c r="B186" s="59" t="s">
        <v>92</v>
      </c>
      <c r="C186" s="58" t="s">
        <v>484</v>
      </c>
      <c r="D186" s="83"/>
      <c r="E186" s="94"/>
      <c r="F186" s="95"/>
    </row>
    <row r="187" spans="2:6" s="4" customFormat="1" ht="30" customHeight="1" x14ac:dyDescent="0.25">
      <c r="B187" s="62" t="s">
        <v>163</v>
      </c>
      <c r="C187" s="82" t="s">
        <v>485</v>
      </c>
      <c r="D187" s="61" t="s">
        <v>104</v>
      </c>
      <c r="E187" s="101" t="s">
        <v>104</v>
      </c>
      <c r="F187" s="102"/>
    </row>
    <row r="188" spans="2:6" s="66" customFormat="1" ht="30.75" customHeight="1" x14ac:dyDescent="0.25">
      <c r="B188" s="68" t="s">
        <v>486</v>
      </c>
      <c r="C188" s="57" t="s">
        <v>487</v>
      </c>
      <c r="D188" s="83"/>
      <c r="E188" s="94"/>
      <c r="F188" s="95"/>
    </row>
    <row r="189" spans="2:6" s="66" customFormat="1" ht="30.75" customHeight="1" x14ac:dyDescent="0.25">
      <c r="B189" s="68" t="s">
        <v>488</v>
      </c>
      <c r="C189" s="57" t="s">
        <v>489</v>
      </c>
      <c r="D189" s="83"/>
      <c r="E189" s="94"/>
      <c r="F189" s="95"/>
    </row>
    <row r="190" spans="2:6" s="66" customFormat="1" ht="30.75" customHeight="1" x14ac:dyDescent="0.25">
      <c r="B190" s="68" t="s">
        <v>490</v>
      </c>
      <c r="C190" s="57" t="s">
        <v>491</v>
      </c>
      <c r="D190" s="83"/>
      <c r="E190" s="94"/>
      <c r="F190" s="95"/>
    </row>
    <row r="191" spans="2:6" s="66" customFormat="1" ht="44.25" customHeight="1" x14ac:dyDescent="0.25">
      <c r="B191" s="68" t="s">
        <v>492</v>
      </c>
      <c r="C191" s="57" t="s">
        <v>493</v>
      </c>
      <c r="D191" s="83"/>
      <c r="E191" s="94"/>
      <c r="F191" s="95"/>
    </row>
    <row r="192" spans="2:6" s="66" customFormat="1" ht="30.75" customHeight="1" x14ac:dyDescent="0.25">
      <c r="B192" s="68" t="s">
        <v>494</v>
      </c>
      <c r="C192" s="57" t="s">
        <v>495</v>
      </c>
      <c r="D192" s="83"/>
      <c r="E192" s="94"/>
      <c r="F192" s="95"/>
    </row>
    <row r="193" spans="2:6" s="66" customFormat="1" ht="45" customHeight="1" x14ac:dyDescent="0.25">
      <c r="B193" s="68" t="s">
        <v>496</v>
      </c>
      <c r="C193" s="57" t="s">
        <v>497</v>
      </c>
      <c r="D193" s="83"/>
      <c r="E193" s="94"/>
      <c r="F193" s="95"/>
    </row>
    <row r="194" spans="2:6" s="66" customFormat="1" ht="30.75" customHeight="1" x14ac:dyDescent="0.25">
      <c r="B194" s="68" t="s">
        <v>498</v>
      </c>
      <c r="C194" s="57" t="s">
        <v>499</v>
      </c>
      <c r="D194" s="83"/>
      <c r="E194" s="94"/>
      <c r="F194" s="95"/>
    </row>
    <row r="195" spans="2:6" s="66" customFormat="1" ht="30.75" customHeight="1" x14ac:dyDescent="0.25">
      <c r="B195" s="68" t="s">
        <v>500</v>
      </c>
      <c r="C195" s="57" t="s">
        <v>501</v>
      </c>
      <c r="D195" s="83"/>
      <c r="E195" s="94"/>
      <c r="F195" s="95"/>
    </row>
    <row r="196" spans="2:6" s="66" customFormat="1" ht="30.75" customHeight="1" x14ac:dyDescent="0.25">
      <c r="B196" s="68" t="s">
        <v>502</v>
      </c>
      <c r="C196" s="57" t="s">
        <v>503</v>
      </c>
      <c r="D196" s="83"/>
      <c r="E196" s="94"/>
      <c r="F196" s="95"/>
    </row>
    <row r="197" spans="2:6" s="66" customFormat="1" ht="60" customHeight="1" x14ac:dyDescent="0.25">
      <c r="B197" s="68" t="s">
        <v>504</v>
      </c>
      <c r="C197" s="57" t="s">
        <v>505</v>
      </c>
      <c r="D197" s="83"/>
      <c r="E197" s="94"/>
      <c r="F197" s="95"/>
    </row>
    <row r="198" spans="2:6" s="66" customFormat="1" ht="30.75" customHeight="1" x14ac:dyDescent="0.25">
      <c r="B198" s="68" t="s">
        <v>506</v>
      </c>
      <c r="C198" s="57" t="s">
        <v>507</v>
      </c>
      <c r="D198" s="83"/>
      <c r="E198" s="94"/>
      <c r="F198" s="95"/>
    </row>
    <row r="199" spans="2:6" s="66" customFormat="1" ht="54.75" customHeight="1" x14ac:dyDescent="0.25">
      <c r="B199" s="68" t="s">
        <v>508</v>
      </c>
      <c r="C199" s="57" t="s">
        <v>509</v>
      </c>
      <c r="D199" s="83"/>
      <c r="E199" s="94"/>
      <c r="F199" s="95"/>
    </row>
    <row r="200" spans="2:6" s="66" customFormat="1" ht="45" customHeight="1" x14ac:dyDescent="0.25">
      <c r="B200" s="68" t="s">
        <v>510</v>
      </c>
      <c r="C200" s="57" t="s">
        <v>511</v>
      </c>
      <c r="D200" s="83"/>
      <c r="E200" s="94"/>
      <c r="F200" s="95"/>
    </row>
    <row r="201" spans="2:6" s="66" customFormat="1" ht="30.75" customHeight="1" x14ac:dyDescent="0.25">
      <c r="B201" s="68" t="s">
        <v>512</v>
      </c>
      <c r="C201" s="57" t="s">
        <v>626</v>
      </c>
      <c r="D201" s="83"/>
      <c r="E201" s="94"/>
      <c r="F201" s="95"/>
    </row>
    <row r="202" spans="2:6" s="66" customFormat="1" ht="30.75" customHeight="1" x14ac:dyDescent="0.25">
      <c r="B202" s="68" t="s">
        <v>513</v>
      </c>
      <c r="C202" s="57" t="s">
        <v>514</v>
      </c>
      <c r="D202" s="83"/>
      <c r="E202" s="94"/>
      <c r="F202" s="95"/>
    </row>
    <row r="203" spans="2:6" s="66" customFormat="1" ht="48" customHeight="1" x14ac:dyDescent="0.25">
      <c r="B203" s="68" t="s">
        <v>515</v>
      </c>
      <c r="C203" s="57" t="s">
        <v>516</v>
      </c>
      <c r="D203" s="83"/>
      <c r="E203" s="94"/>
      <c r="F203" s="95"/>
    </row>
    <row r="204" spans="2:6" s="66" customFormat="1" ht="69.75" customHeight="1" x14ac:dyDescent="0.25">
      <c r="B204" s="68" t="s">
        <v>517</v>
      </c>
      <c r="C204" s="57" t="s">
        <v>518</v>
      </c>
      <c r="D204" s="83"/>
      <c r="E204" s="94"/>
      <c r="F204" s="95"/>
    </row>
    <row r="205" spans="2:6" s="66" customFormat="1" ht="42" customHeight="1" x14ac:dyDescent="0.25">
      <c r="B205" s="68" t="s">
        <v>519</v>
      </c>
      <c r="C205" s="57" t="s">
        <v>520</v>
      </c>
      <c r="D205" s="83"/>
      <c r="E205" s="94"/>
      <c r="F205" s="95"/>
    </row>
    <row r="206" spans="2:6" s="66" customFormat="1" ht="30.75" customHeight="1" x14ac:dyDescent="0.25">
      <c r="B206" s="68" t="s">
        <v>521</v>
      </c>
      <c r="C206" s="57" t="s">
        <v>522</v>
      </c>
      <c r="D206" s="83"/>
      <c r="E206" s="94"/>
      <c r="F206" s="95"/>
    </row>
    <row r="207" spans="2:6" s="66" customFormat="1" ht="30.75" customHeight="1" x14ac:dyDescent="0.25">
      <c r="B207" s="68" t="s">
        <v>523</v>
      </c>
      <c r="C207" s="57" t="s">
        <v>524</v>
      </c>
      <c r="D207" s="83"/>
      <c r="E207" s="94"/>
      <c r="F207" s="95"/>
    </row>
    <row r="208" spans="2:6" s="66" customFormat="1" ht="47.25" customHeight="1" x14ac:dyDescent="0.25">
      <c r="B208" s="68" t="s">
        <v>525</v>
      </c>
      <c r="C208" s="57" t="s">
        <v>526</v>
      </c>
      <c r="D208" s="83"/>
      <c r="E208" s="94"/>
      <c r="F208" s="95"/>
    </row>
    <row r="209" spans="2:6" s="66" customFormat="1" ht="30.75" customHeight="1" x14ac:dyDescent="0.25">
      <c r="B209" s="68" t="s">
        <v>527</v>
      </c>
      <c r="C209" s="57" t="s">
        <v>528</v>
      </c>
      <c r="D209" s="83"/>
      <c r="E209" s="94"/>
      <c r="F209" s="95"/>
    </row>
    <row r="210" spans="2:6" s="66" customFormat="1" ht="44.25" customHeight="1" x14ac:dyDescent="0.25">
      <c r="B210" s="68" t="s">
        <v>529</v>
      </c>
      <c r="C210" s="57" t="s">
        <v>530</v>
      </c>
      <c r="D210" s="83"/>
      <c r="E210" s="94"/>
      <c r="F210" s="95"/>
    </row>
    <row r="211" spans="2:6" s="66" customFormat="1" ht="30.75" customHeight="1" x14ac:dyDescent="0.25">
      <c r="B211" s="68" t="s">
        <v>531</v>
      </c>
      <c r="C211" s="57" t="s">
        <v>532</v>
      </c>
      <c r="D211" s="83"/>
      <c r="E211" s="94"/>
      <c r="F211" s="95"/>
    </row>
    <row r="212" spans="2:6" s="4" customFormat="1" ht="30" customHeight="1" x14ac:dyDescent="0.25">
      <c r="B212" s="62" t="s">
        <v>198</v>
      </c>
      <c r="C212" s="82" t="s">
        <v>533</v>
      </c>
      <c r="D212" s="61" t="s">
        <v>104</v>
      </c>
      <c r="E212" s="101" t="s">
        <v>104</v>
      </c>
      <c r="F212" s="102"/>
    </row>
    <row r="213" spans="2:6" s="66" customFormat="1" ht="30.75" customHeight="1" x14ac:dyDescent="0.25">
      <c r="B213" s="68" t="s">
        <v>534</v>
      </c>
      <c r="C213" s="57" t="s">
        <v>535</v>
      </c>
      <c r="D213" s="83"/>
      <c r="E213" s="94"/>
      <c r="F213" s="95"/>
    </row>
    <row r="214" spans="2:6" s="66" customFormat="1" ht="30.75" customHeight="1" x14ac:dyDescent="0.25">
      <c r="B214" s="68" t="s">
        <v>536</v>
      </c>
      <c r="C214" s="57" t="s">
        <v>537</v>
      </c>
      <c r="D214" s="83"/>
      <c r="E214" s="94"/>
      <c r="F214" s="95"/>
    </row>
    <row r="215" spans="2:6" s="66" customFormat="1" ht="30.75" customHeight="1" x14ac:dyDescent="0.25">
      <c r="B215" s="68" t="s">
        <v>538</v>
      </c>
      <c r="C215" s="57" t="s">
        <v>539</v>
      </c>
      <c r="D215" s="83"/>
      <c r="E215" s="94"/>
      <c r="F215" s="95"/>
    </row>
    <row r="216" spans="2:6" s="66" customFormat="1" ht="30.75" customHeight="1" x14ac:dyDescent="0.25">
      <c r="B216" s="68" t="s">
        <v>540</v>
      </c>
      <c r="C216" s="57" t="s">
        <v>541</v>
      </c>
      <c r="D216" s="83"/>
      <c r="E216" s="94"/>
      <c r="F216" s="95"/>
    </row>
    <row r="217" spans="2:6" s="66" customFormat="1" ht="30.75" customHeight="1" x14ac:dyDescent="0.25">
      <c r="B217" s="68" t="s">
        <v>542</v>
      </c>
      <c r="C217" s="57" t="s">
        <v>543</v>
      </c>
      <c r="D217" s="83"/>
      <c r="E217" s="94"/>
      <c r="F217" s="95"/>
    </row>
    <row r="218" spans="2:6" s="66" customFormat="1" ht="30.75" customHeight="1" x14ac:dyDescent="0.25">
      <c r="B218" s="68" t="s">
        <v>544</v>
      </c>
      <c r="C218" s="57" t="s">
        <v>545</v>
      </c>
      <c r="D218" s="83"/>
      <c r="E218" s="94"/>
      <c r="F218" s="95"/>
    </row>
    <row r="219" spans="2:6" s="66" customFormat="1" ht="30.75" customHeight="1" x14ac:dyDescent="0.25">
      <c r="B219" s="68" t="s">
        <v>546</v>
      </c>
      <c r="C219" s="57" t="s">
        <v>547</v>
      </c>
      <c r="D219" s="83"/>
      <c r="E219" s="94"/>
      <c r="F219" s="95"/>
    </row>
    <row r="220" spans="2:6" s="66" customFormat="1" ht="30.75" customHeight="1" x14ac:dyDescent="0.25">
      <c r="B220" s="68" t="s">
        <v>548</v>
      </c>
      <c r="C220" s="57" t="s">
        <v>549</v>
      </c>
      <c r="D220" s="83"/>
      <c r="E220" s="94"/>
      <c r="F220" s="95"/>
    </row>
    <row r="221" spans="2:6" s="66" customFormat="1" ht="30.75" customHeight="1" x14ac:dyDescent="0.25">
      <c r="B221" s="68" t="s">
        <v>550</v>
      </c>
      <c r="C221" s="57" t="s">
        <v>551</v>
      </c>
      <c r="D221" s="83"/>
      <c r="E221" s="94"/>
      <c r="F221" s="95"/>
    </row>
    <row r="222" spans="2:6" s="66" customFormat="1" ht="30.75" customHeight="1" x14ac:dyDescent="0.25">
      <c r="B222" s="68" t="s">
        <v>552</v>
      </c>
      <c r="C222" s="57" t="s">
        <v>553</v>
      </c>
      <c r="D222" s="83"/>
      <c r="E222" s="94"/>
      <c r="F222" s="95"/>
    </row>
    <row r="223" spans="2:6" s="66" customFormat="1" ht="30.75" customHeight="1" x14ac:dyDescent="0.25">
      <c r="B223" s="68" t="s">
        <v>554</v>
      </c>
      <c r="C223" s="57" t="s">
        <v>555</v>
      </c>
      <c r="D223" s="83"/>
      <c r="E223" s="94"/>
      <c r="F223" s="95"/>
    </row>
    <row r="224" spans="2:6" s="4" customFormat="1" ht="30" customHeight="1" x14ac:dyDescent="0.25">
      <c r="B224" s="62" t="s">
        <v>200</v>
      </c>
      <c r="C224" s="82" t="s">
        <v>556</v>
      </c>
      <c r="D224" s="61" t="s">
        <v>104</v>
      </c>
      <c r="E224" s="101" t="s">
        <v>104</v>
      </c>
      <c r="F224" s="102"/>
    </row>
    <row r="225" spans="2:6" s="66" customFormat="1" ht="30.75" customHeight="1" x14ac:dyDescent="0.25">
      <c r="B225" s="68" t="s">
        <v>557</v>
      </c>
      <c r="C225" s="57" t="s">
        <v>558</v>
      </c>
      <c r="D225" s="83"/>
      <c r="E225" s="94"/>
      <c r="F225" s="95"/>
    </row>
    <row r="226" spans="2:6" s="66" customFormat="1" ht="49.5" customHeight="1" x14ac:dyDescent="0.25">
      <c r="B226" s="68" t="s">
        <v>559</v>
      </c>
      <c r="C226" s="57" t="s">
        <v>560</v>
      </c>
      <c r="D226" s="83"/>
      <c r="E226" s="94"/>
      <c r="F226" s="95"/>
    </row>
    <row r="227" spans="2:6" s="66" customFormat="1" ht="30.75" customHeight="1" x14ac:dyDescent="0.25">
      <c r="B227" s="68" t="s">
        <v>561</v>
      </c>
      <c r="C227" s="57" t="s">
        <v>562</v>
      </c>
      <c r="D227" s="83"/>
      <c r="E227" s="94"/>
      <c r="F227" s="95"/>
    </row>
    <row r="228" spans="2:6" s="66" customFormat="1" ht="30.75" customHeight="1" x14ac:dyDescent="0.25">
      <c r="B228" s="68" t="s">
        <v>563</v>
      </c>
      <c r="C228" s="57" t="s">
        <v>564</v>
      </c>
      <c r="D228" s="83"/>
      <c r="E228" s="94"/>
      <c r="F228" s="95"/>
    </row>
    <row r="229" spans="2:6" s="66" customFormat="1" ht="30.75" customHeight="1" x14ac:dyDescent="0.25">
      <c r="B229" s="68" t="s">
        <v>565</v>
      </c>
      <c r="C229" s="57" t="s">
        <v>566</v>
      </c>
      <c r="D229" s="83"/>
      <c r="E229" s="94"/>
      <c r="F229" s="95"/>
    </row>
    <row r="230" spans="2:6" s="66" customFormat="1" ht="30.75" customHeight="1" x14ac:dyDescent="0.25">
      <c r="B230" s="68" t="s">
        <v>567</v>
      </c>
      <c r="C230" s="57" t="s">
        <v>568</v>
      </c>
      <c r="D230" s="83"/>
      <c r="E230" s="94"/>
      <c r="F230" s="95"/>
    </row>
    <row r="231" spans="2:6" s="66" customFormat="1" ht="30.75" customHeight="1" x14ac:dyDescent="0.25">
      <c r="B231" s="68" t="s">
        <v>569</v>
      </c>
      <c r="C231" s="57" t="s">
        <v>570</v>
      </c>
      <c r="D231" s="83"/>
      <c r="E231" s="94"/>
      <c r="F231" s="95"/>
    </row>
    <row r="232" spans="2:6" s="4" customFormat="1" ht="30" customHeight="1" x14ac:dyDescent="0.25">
      <c r="B232" s="62" t="s">
        <v>202</v>
      </c>
      <c r="C232" s="82" t="s">
        <v>571</v>
      </c>
      <c r="D232" s="61" t="s">
        <v>104</v>
      </c>
      <c r="E232" s="101" t="s">
        <v>104</v>
      </c>
      <c r="F232" s="102"/>
    </row>
    <row r="233" spans="2:6" s="66" customFormat="1" ht="30.75" customHeight="1" x14ac:dyDescent="0.25">
      <c r="B233" s="68" t="s">
        <v>572</v>
      </c>
      <c r="C233" s="57" t="s">
        <v>573</v>
      </c>
      <c r="D233" s="83"/>
      <c r="E233" s="94"/>
      <c r="F233" s="95"/>
    </row>
    <row r="234" spans="2:6" s="66" customFormat="1" ht="30.75" customHeight="1" x14ac:dyDescent="0.25">
      <c r="B234" s="68" t="s">
        <v>574</v>
      </c>
      <c r="C234" s="57" t="s">
        <v>575</v>
      </c>
      <c r="D234" s="83"/>
      <c r="E234" s="94"/>
      <c r="F234" s="95"/>
    </row>
    <row r="235" spans="2:6" s="66" customFormat="1" ht="30.75" customHeight="1" x14ac:dyDescent="0.25">
      <c r="B235" s="68" t="s">
        <v>576</v>
      </c>
      <c r="C235" s="57" t="s">
        <v>577</v>
      </c>
      <c r="D235" s="83"/>
      <c r="E235" s="94"/>
      <c r="F235" s="95"/>
    </row>
    <row r="236" spans="2:6" s="66" customFormat="1" ht="30.75" customHeight="1" x14ac:dyDescent="0.25">
      <c r="B236" s="68" t="s">
        <v>578</v>
      </c>
      <c r="C236" s="57" t="s">
        <v>579</v>
      </c>
      <c r="D236" s="83"/>
      <c r="E236" s="94"/>
      <c r="F236" s="95"/>
    </row>
    <row r="237" spans="2:6" s="66" customFormat="1" ht="72" customHeight="1" x14ac:dyDescent="0.25">
      <c r="B237" s="68" t="s">
        <v>580</v>
      </c>
      <c r="C237" s="57" t="s">
        <v>581</v>
      </c>
      <c r="D237" s="83"/>
      <c r="E237" s="94"/>
      <c r="F237" s="95"/>
    </row>
    <row r="238" spans="2:6" s="66" customFormat="1" ht="60" customHeight="1" x14ac:dyDescent="0.25">
      <c r="B238" s="68" t="s">
        <v>582</v>
      </c>
      <c r="C238" s="57" t="s">
        <v>627</v>
      </c>
      <c r="D238" s="83"/>
      <c r="E238" s="94"/>
      <c r="F238" s="95"/>
    </row>
    <row r="239" spans="2:6" s="4" customFormat="1" ht="30" customHeight="1" x14ac:dyDescent="0.25">
      <c r="B239" s="62" t="s">
        <v>204</v>
      </c>
      <c r="C239" s="82" t="s">
        <v>583</v>
      </c>
      <c r="D239" s="61" t="s">
        <v>104</v>
      </c>
      <c r="E239" s="101" t="s">
        <v>104</v>
      </c>
      <c r="F239" s="102"/>
    </row>
    <row r="240" spans="2:6" s="66" customFormat="1" ht="30.75" customHeight="1" x14ac:dyDescent="0.25">
      <c r="B240" s="68" t="s">
        <v>584</v>
      </c>
      <c r="C240" s="57" t="s">
        <v>585</v>
      </c>
      <c r="D240" s="83"/>
      <c r="E240" s="94"/>
      <c r="F240" s="95"/>
    </row>
    <row r="241" spans="2:6" s="66" customFormat="1" ht="47.25" customHeight="1" x14ac:dyDescent="0.25">
      <c r="B241" s="68" t="s">
        <v>586</v>
      </c>
      <c r="C241" s="57" t="s">
        <v>587</v>
      </c>
      <c r="D241" s="83"/>
      <c r="E241" s="94"/>
      <c r="F241" s="95"/>
    </row>
    <row r="242" spans="2:6" s="66" customFormat="1" ht="30.75" customHeight="1" x14ac:dyDescent="0.25">
      <c r="B242" s="68" t="s">
        <v>588</v>
      </c>
      <c r="C242" s="57" t="s">
        <v>589</v>
      </c>
      <c r="D242" s="83"/>
      <c r="E242" s="94"/>
      <c r="F242" s="95"/>
    </row>
    <row r="243" spans="2:6" s="66" customFormat="1" ht="30.75" customHeight="1" x14ac:dyDescent="0.25">
      <c r="B243" s="68" t="s">
        <v>590</v>
      </c>
      <c r="C243" s="57" t="s">
        <v>591</v>
      </c>
      <c r="D243" s="83"/>
      <c r="E243" s="94"/>
      <c r="F243" s="95"/>
    </row>
    <row r="244" spans="2:6" s="66" customFormat="1" ht="44.25" customHeight="1" x14ac:dyDescent="0.25">
      <c r="B244" s="68" t="s">
        <v>592</v>
      </c>
      <c r="C244" s="57" t="s">
        <v>593</v>
      </c>
      <c r="D244" s="83"/>
      <c r="E244" s="94"/>
      <c r="F244" s="95"/>
    </row>
    <row r="245" spans="2:6" s="66" customFormat="1" ht="30.75" customHeight="1" x14ac:dyDescent="0.25">
      <c r="B245" s="68" t="s">
        <v>594</v>
      </c>
      <c r="C245" s="57" t="s">
        <v>595</v>
      </c>
      <c r="D245" s="83"/>
      <c r="E245" s="94"/>
      <c r="F245" s="95"/>
    </row>
    <row r="246" spans="2:6" s="66" customFormat="1" ht="30.75" customHeight="1" x14ac:dyDescent="0.25">
      <c r="B246" s="68" t="s">
        <v>596</v>
      </c>
      <c r="C246" s="57" t="s">
        <v>628</v>
      </c>
      <c r="D246" s="83"/>
      <c r="E246" s="94"/>
      <c r="F246" s="95"/>
    </row>
    <row r="247" spans="2:6" s="66" customFormat="1" ht="30.75" customHeight="1" x14ac:dyDescent="0.25">
      <c r="B247" s="68" t="s">
        <v>598</v>
      </c>
      <c r="C247" s="57" t="s">
        <v>599</v>
      </c>
      <c r="D247" s="83"/>
      <c r="E247" s="94"/>
      <c r="F247" s="95"/>
    </row>
    <row r="248" spans="2:6" s="66" customFormat="1" ht="30.75" customHeight="1" x14ac:dyDescent="0.25">
      <c r="B248" s="68" t="s">
        <v>600</v>
      </c>
      <c r="C248" s="57" t="s">
        <v>601</v>
      </c>
      <c r="D248" s="83"/>
      <c r="E248" s="94"/>
      <c r="F248" s="95"/>
    </row>
    <row r="249" spans="2:6" s="66" customFormat="1" ht="30.75" customHeight="1" x14ac:dyDescent="0.25">
      <c r="B249" s="68" t="s">
        <v>602</v>
      </c>
      <c r="C249" s="57" t="s">
        <v>603</v>
      </c>
      <c r="D249" s="83"/>
      <c r="E249" s="94"/>
      <c r="F249" s="95"/>
    </row>
    <row r="250" spans="2:6" s="66" customFormat="1" ht="30.75" customHeight="1" x14ac:dyDescent="0.25">
      <c r="B250" s="68" t="s">
        <v>604</v>
      </c>
      <c r="C250" s="57" t="s">
        <v>597</v>
      </c>
      <c r="D250" s="83"/>
      <c r="E250" s="94"/>
      <c r="F250" s="95"/>
    </row>
    <row r="251" spans="2:6" s="66" customFormat="1" ht="30.75" customHeight="1" x14ac:dyDescent="0.25">
      <c r="B251" s="68" t="s">
        <v>605</v>
      </c>
      <c r="C251" s="57" t="s">
        <v>606</v>
      </c>
      <c r="D251" s="83"/>
      <c r="E251" s="94"/>
      <c r="F251" s="95"/>
    </row>
    <row r="252" spans="2:6" s="66" customFormat="1" ht="30.75" customHeight="1" x14ac:dyDescent="0.25">
      <c r="B252" s="68" t="s">
        <v>607</v>
      </c>
      <c r="C252" s="57" t="s">
        <v>629</v>
      </c>
      <c r="D252" s="83"/>
      <c r="E252" s="94"/>
      <c r="F252" s="95"/>
    </row>
    <row r="253" spans="2:6" s="66" customFormat="1" ht="30.75" customHeight="1" x14ac:dyDescent="0.25">
      <c r="B253" s="68" t="s">
        <v>608</v>
      </c>
      <c r="C253" s="57" t="s">
        <v>603</v>
      </c>
      <c r="D253" s="83"/>
      <c r="E253" s="94"/>
      <c r="F253" s="95"/>
    </row>
    <row r="254" spans="2:6" s="66" customFormat="1" ht="30.75" customHeight="1" x14ac:dyDescent="0.25">
      <c r="B254" s="68" t="s">
        <v>609</v>
      </c>
      <c r="C254" s="57" t="s">
        <v>630</v>
      </c>
      <c r="D254" s="83"/>
      <c r="E254" s="94"/>
      <c r="F254" s="95"/>
    </row>
    <row r="255" spans="2:6" s="66" customFormat="1" ht="30.75" customHeight="1" x14ac:dyDescent="0.25">
      <c r="B255" s="68" t="s">
        <v>610</v>
      </c>
      <c r="C255" s="57" t="s">
        <v>611</v>
      </c>
      <c r="D255" s="83"/>
      <c r="E255" s="94"/>
      <c r="F255" s="95"/>
    </row>
    <row r="256" spans="2:6" s="66" customFormat="1" ht="30.75" customHeight="1" x14ac:dyDescent="0.25">
      <c r="B256" s="68" t="s">
        <v>612</v>
      </c>
      <c r="C256" s="57" t="s">
        <v>629</v>
      </c>
      <c r="D256" s="83"/>
      <c r="E256" s="94"/>
      <c r="F256" s="95"/>
    </row>
    <row r="257" spans="2:6" s="66" customFormat="1" ht="30.75" customHeight="1" x14ac:dyDescent="0.25">
      <c r="B257" s="68" t="s">
        <v>613</v>
      </c>
      <c r="C257" s="57" t="s">
        <v>603</v>
      </c>
      <c r="D257" s="83"/>
      <c r="E257" s="94"/>
      <c r="F257" s="95"/>
    </row>
    <row r="258" spans="2:6" s="66" customFormat="1" ht="30.75" customHeight="1" x14ac:dyDescent="0.25">
      <c r="B258" s="68" t="s">
        <v>614</v>
      </c>
      <c r="C258" s="57" t="s">
        <v>615</v>
      </c>
      <c r="D258" s="83"/>
      <c r="E258" s="94"/>
      <c r="F258" s="95"/>
    </row>
    <row r="259" spans="2:6" s="66" customFormat="1" ht="30.75" customHeight="1" x14ac:dyDescent="0.25">
      <c r="B259" s="68" t="s">
        <v>616</v>
      </c>
      <c r="C259" s="57" t="s">
        <v>617</v>
      </c>
      <c r="D259" s="83"/>
      <c r="E259" s="94"/>
      <c r="F259" s="95"/>
    </row>
    <row r="260" spans="2:6" s="66" customFormat="1" ht="30.75" customHeight="1" thickBot="1" x14ac:dyDescent="0.3">
      <c r="B260" s="51" t="s">
        <v>618</v>
      </c>
      <c r="C260" s="84" t="s">
        <v>619</v>
      </c>
      <c r="D260" s="85"/>
      <c r="E260" s="96"/>
      <c r="F260" s="97"/>
    </row>
    <row r="261" spans="2:6" s="25" customFormat="1" ht="30.75" customHeight="1" x14ac:dyDescent="0.25">
      <c r="B261" s="98" t="s">
        <v>150</v>
      </c>
      <c r="C261" s="99"/>
      <c r="D261" s="99"/>
      <c r="E261" s="99"/>
      <c r="F261" s="100"/>
    </row>
    <row r="262" spans="2:6" s="66" customFormat="1" ht="30.75" customHeight="1" x14ac:dyDescent="0.25">
      <c r="B262" s="59" t="s">
        <v>16</v>
      </c>
      <c r="C262" s="58" t="s">
        <v>152</v>
      </c>
      <c r="D262" s="65"/>
      <c r="E262" s="94"/>
      <c r="F262" s="95"/>
    </row>
    <row r="263" spans="2:6" s="66" customFormat="1" ht="30.75" customHeight="1" x14ac:dyDescent="0.25">
      <c r="B263" s="59" t="s">
        <v>58</v>
      </c>
      <c r="C263" s="58" t="s">
        <v>153</v>
      </c>
      <c r="D263" s="65"/>
      <c r="E263" s="94"/>
      <c r="F263" s="95"/>
    </row>
    <row r="264" spans="2:6" s="66" customFormat="1" ht="30.75" customHeight="1" x14ac:dyDescent="0.25">
      <c r="B264" s="59" t="s">
        <v>59</v>
      </c>
      <c r="C264" s="58" t="s">
        <v>154</v>
      </c>
      <c r="D264" s="65"/>
      <c r="E264" s="94"/>
      <c r="F264" s="95"/>
    </row>
    <row r="265" spans="2:6" s="66" customFormat="1" ht="30.75" customHeight="1" x14ac:dyDescent="0.25">
      <c r="B265" s="59" t="s">
        <v>60</v>
      </c>
      <c r="C265" s="58" t="s">
        <v>155</v>
      </c>
      <c r="D265" s="65"/>
      <c r="E265" s="94"/>
      <c r="F265" s="95"/>
    </row>
    <row r="266" spans="2:6" s="66" customFormat="1" ht="30.75" customHeight="1" x14ac:dyDescent="0.25">
      <c r="B266" s="59" t="s">
        <v>61</v>
      </c>
      <c r="C266" s="58" t="s">
        <v>156</v>
      </c>
      <c r="D266" s="65"/>
      <c r="E266" s="94"/>
      <c r="F266" s="95"/>
    </row>
    <row r="267" spans="2:6" s="66" customFormat="1" ht="30.75" customHeight="1" x14ac:dyDescent="0.25">
      <c r="B267" s="59" t="s">
        <v>62</v>
      </c>
      <c r="C267" s="58" t="s">
        <v>157</v>
      </c>
      <c r="D267" s="65"/>
      <c r="E267" s="94"/>
      <c r="F267" s="95"/>
    </row>
    <row r="268" spans="2:6" s="66" customFormat="1" ht="30.75" customHeight="1" x14ac:dyDescent="0.25">
      <c r="B268" s="59" t="s">
        <v>71</v>
      </c>
      <c r="C268" s="58" t="s">
        <v>158</v>
      </c>
      <c r="D268" s="65"/>
      <c r="E268" s="94"/>
      <c r="F268" s="95"/>
    </row>
    <row r="269" spans="2:6" s="66" customFormat="1" ht="30.75" customHeight="1" x14ac:dyDescent="0.25">
      <c r="B269" s="59" t="s">
        <v>63</v>
      </c>
      <c r="C269" s="58" t="s">
        <v>159</v>
      </c>
      <c r="D269" s="65"/>
      <c r="E269" s="94"/>
      <c r="F269" s="95"/>
    </row>
    <row r="270" spans="2:6" s="66" customFormat="1" ht="30.75" customHeight="1" x14ac:dyDescent="0.25">
      <c r="B270" s="59" t="s">
        <v>64</v>
      </c>
      <c r="C270" s="58" t="s">
        <v>160</v>
      </c>
      <c r="D270" s="65"/>
      <c r="E270" s="94"/>
      <c r="F270" s="95"/>
    </row>
    <row r="271" spans="2:6" s="66" customFormat="1" ht="30.75" customHeight="1" x14ac:dyDescent="0.25">
      <c r="B271" s="59" t="s">
        <v>65</v>
      </c>
      <c r="C271" s="58" t="s">
        <v>161</v>
      </c>
      <c r="D271" s="65"/>
      <c r="E271" s="94"/>
      <c r="F271" s="95"/>
    </row>
    <row r="272" spans="2:6" s="66" customFormat="1" ht="30.75" customHeight="1" x14ac:dyDescent="0.25">
      <c r="B272" s="59" t="s">
        <v>66</v>
      </c>
      <c r="C272" s="58" t="s">
        <v>162</v>
      </c>
      <c r="D272" s="65"/>
      <c r="E272" s="94"/>
      <c r="F272" s="95"/>
    </row>
    <row r="273" spans="2:6" s="66" customFormat="1" ht="30.75" customHeight="1" x14ac:dyDescent="0.25">
      <c r="B273" s="64" t="s">
        <v>72</v>
      </c>
      <c r="C273" s="67" t="s">
        <v>151</v>
      </c>
      <c r="D273" s="65"/>
      <c r="E273" s="94"/>
      <c r="F273" s="95"/>
    </row>
    <row r="274" spans="2:6" s="66" customFormat="1" ht="30.75" customHeight="1" x14ac:dyDescent="0.25">
      <c r="B274" s="87" t="s">
        <v>163</v>
      </c>
      <c r="C274" s="78" t="s">
        <v>289</v>
      </c>
      <c r="D274" s="76"/>
      <c r="E274" s="148"/>
      <c r="F274" s="149"/>
    </row>
    <row r="275" spans="2:6" s="66" customFormat="1" ht="30.75" customHeight="1" x14ac:dyDescent="0.25">
      <c r="B275" s="88"/>
      <c r="C275" s="79" t="s">
        <v>164</v>
      </c>
      <c r="D275" s="77" t="s">
        <v>104</v>
      </c>
      <c r="E275" s="150" t="s">
        <v>104</v>
      </c>
      <c r="F275" s="151"/>
    </row>
    <row r="276" spans="2:6" s="66" customFormat="1" ht="30.75" customHeight="1" thickBot="1" x14ac:dyDescent="0.3">
      <c r="B276" s="89"/>
      <c r="C276" s="80" t="s">
        <v>290</v>
      </c>
      <c r="D276" s="81"/>
      <c r="E276" s="146"/>
      <c r="F276" s="147"/>
    </row>
    <row r="277" spans="2:6" s="3" customFormat="1" ht="5.0999999999999996" customHeight="1" x14ac:dyDescent="0.25">
      <c r="B277" s="5"/>
      <c r="C277" s="5"/>
      <c r="D277" s="7"/>
      <c r="E277" s="7"/>
      <c r="F277" s="26"/>
    </row>
    <row r="278" spans="2:6" s="2" customFormat="1" ht="20.100000000000001" customHeight="1" x14ac:dyDescent="0.25">
      <c r="B278" s="103" t="s">
        <v>48</v>
      </c>
      <c r="C278" s="103"/>
      <c r="D278" s="103"/>
      <c r="E278" s="103"/>
      <c r="F278" s="103"/>
    </row>
    <row r="279" spans="2:6" s="2" customFormat="1" ht="5.0999999999999996" customHeight="1" thickBot="1" x14ac:dyDescent="0.3">
      <c r="B279" s="15"/>
      <c r="D279" s="6"/>
      <c r="E279" s="6"/>
      <c r="F279" s="6"/>
    </row>
    <row r="280" spans="2:6" s="3" customFormat="1" ht="69" customHeight="1" x14ac:dyDescent="0.25">
      <c r="B280" s="104" t="s">
        <v>8</v>
      </c>
      <c r="C280" s="105"/>
      <c r="D280" s="108" t="s">
        <v>31</v>
      </c>
      <c r="E280" s="109"/>
      <c r="F280" s="110"/>
    </row>
    <row r="281" spans="2:6" s="3" customFormat="1" ht="30" customHeight="1" thickBot="1" x14ac:dyDescent="0.3">
      <c r="B281" s="106"/>
      <c r="C281" s="107"/>
      <c r="D281" s="24" t="s">
        <v>7</v>
      </c>
      <c r="E281" s="111" t="s">
        <v>32</v>
      </c>
      <c r="F281" s="112"/>
    </row>
    <row r="282" spans="2:6" s="3" customFormat="1" ht="30" customHeight="1" x14ac:dyDescent="0.25">
      <c r="B282" s="143" t="s">
        <v>97</v>
      </c>
      <c r="C282" s="144"/>
      <c r="D282" s="144"/>
      <c r="E282" s="144"/>
      <c r="F282" s="145"/>
    </row>
    <row r="283" spans="2:6" s="2" customFormat="1" ht="30.75" customHeight="1" x14ac:dyDescent="0.25">
      <c r="B283" s="72" t="s">
        <v>16</v>
      </c>
      <c r="C283" s="73" t="s">
        <v>165</v>
      </c>
      <c r="D283" s="49"/>
      <c r="E283" s="90"/>
      <c r="F283" s="91"/>
    </row>
    <row r="284" spans="2:6" s="2" customFormat="1" ht="30.75" customHeight="1" x14ac:dyDescent="0.25">
      <c r="B284" s="69" t="s">
        <v>58</v>
      </c>
      <c r="C284" s="74" t="s">
        <v>166</v>
      </c>
      <c r="D284" s="49"/>
      <c r="E284" s="90"/>
      <c r="F284" s="91"/>
    </row>
    <row r="285" spans="2:6" s="2" customFormat="1" ht="30.75" customHeight="1" x14ac:dyDescent="0.25">
      <c r="B285" s="70" t="s">
        <v>69</v>
      </c>
      <c r="C285" s="74" t="s">
        <v>167</v>
      </c>
      <c r="D285" s="49"/>
      <c r="E285" s="90"/>
      <c r="F285" s="91"/>
    </row>
    <row r="286" spans="2:6" s="2" customFormat="1" ht="30.75" customHeight="1" x14ac:dyDescent="0.25">
      <c r="B286" s="70" t="s">
        <v>70</v>
      </c>
      <c r="C286" s="74" t="s">
        <v>168</v>
      </c>
      <c r="D286" s="49"/>
      <c r="E286" s="90"/>
      <c r="F286" s="91"/>
    </row>
    <row r="287" spans="2:6" s="2" customFormat="1" ht="30.75" customHeight="1" x14ac:dyDescent="0.25">
      <c r="B287" s="70" t="s">
        <v>73</v>
      </c>
      <c r="C287" s="74" t="s">
        <v>169</v>
      </c>
      <c r="D287" s="49"/>
      <c r="E287" s="90"/>
      <c r="F287" s="91"/>
    </row>
    <row r="288" spans="2:6" s="2" customFormat="1" ht="57" customHeight="1" x14ac:dyDescent="0.25">
      <c r="B288" s="70" t="s">
        <v>74</v>
      </c>
      <c r="C288" s="74" t="s">
        <v>170</v>
      </c>
      <c r="D288" s="49"/>
      <c r="E288" s="90"/>
      <c r="F288" s="91"/>
    </row>
    <row r="289" spans="2:6" s="2" customFormat="1" ht="48" customHeight="1" x14ac:dyDescent="0.25">
      <c r="B289" s="70" t="s">
        <v>75</v>
      </c>
      <c r="C289" s="74" t="s">
        <v>171</v>
      </c>
      <c r="D289" s="49"/>
      <c r="E289" s="90"/>
      <c r="F289" s="91"/>
    </row>
    <row r="290" spans="2:6" s="2" customFormat="1" ht="133.5" customHeight="1" x14ac:dyDescent="0.25">
      <c r="B290" s="70" t="s">
        <v>76</v>
      </c>
      <c r="C290" s="74" t="s">
        <v>172</v>
      </c>
      <c r="D290" s="49"/>
      <c r="E290" s="90"/>
      <c r="F290" s="91"/>
    </row>
    <row r="291" spans="2:6" s="2" customFormat="1" ht="30.75" customHeight="1" x14ac:dyDescent="0.25">
      <c r="B291" s="68" t="s">
        <v>59</v>
      </c>
      <c r="C291" s="74" t="s">
        <v>173</v>
      </c>
      <c r="D291" s="49"/>
      <c r="E291" s="90"/>
      <c r="F291" s="91"/>
    </row>
    <row r="292" spans="2:6" s="2" customFormat="1" ht="63.75" x14ac:dyDescent="0.25">
      <c r="B292" s="68" t="s">
        <v>60</v>
      </c>
      <c r="C292" s="55" t="s">
        <v>174</v>
      </c>
      <c r="D292" s="49"/>
      <c r="E292" s="90"/>
      <c r="F292" s="91"/>
    </row>
    <row r="293" spans="2:6" s="2" customFormat="1" ht="98.25" customHeight="1" x14ac:dyDescent="0.25">
      <c r="B293" s="68" t="s">
        <v>61</v>
      </c>
      <c r="C293" s="74" t="s">
        <v>175</v>
      </c>
      <c r="D293" s="49"/>
      <c r="E293" s="90"/>
      <c r="F293" s="91"/>
    </row>
    <row r="294" spans="2:6" s="2" customFormat="1" ht="66.75" customHeight="1" x14ac:dyDescent="0.25">
      <c r="B294" s="68" t="s">
        <v>62</v>
      </c>
      <c r="C294" s="74" t="s">
        <v>176</v>
      </c>
      <c r="D294" s="49"/>
      <c r="E294" s="90"/>
      <c r="F294" s="91"/>
    </row>
    <row r="295" spans="2:6" s="2" customFormat="1" ht="82.5" customHeight="1" x14ac:dyDescent="0.25">
      <c r="B295" s="68" t="s">
        <v>71</v>
      </c>
      <c r="C295" s="74" t="s">
        <v>177</v>
      </c>
      <c r="D295" s="49"/>
      <c r="E295" s="90"/>
      <c r="F295" s="91"/>
    </row>
    <row r="296" spans="2:6" s="2" customFormat="1" ht="100.5" customHeight="1" x14ac:dyDescent="0.25">
      <c r="B296" s="68" t="s">
        <v>63</v>
      </c>
      <c r="C296" s="74" t="s">
        <v>178</v>
      </c>
      <c r="D296" s="49"/>
      <c r="E296" s="90"/>
      <c r="F296" s="91"/>
    </row>
    <row r="297" spans="2:6" s="2" customFormat="1" ht="98.25" customHeight="1" x14ac:dyDescent="0.25">
      <c r="B297" s="68" t="s">
        <v>64</v>
      </c>
      <c r="C297" s="74" t="s">
        <v>179</v>
      </c>
      <c r="D297" s="49"/>
      <c r="E297" s="90"/>
      <c r="F297" s="91"/>
    </row>
    <row r="298" spans="2:6" s="2" customFormat="1" ht="30.75" customHeight="1" x14ac:dyDescent="0.25">
      <c r="B298" s="71" t="s">
        <v>141</v>
      </c>
      <c r="C298" s="74" t="s">
        <v>180</v>
      </c>
      <c r="D298" s="49"/>
      <c r="E298" s="90"/>
      <c r="F298" s="91"/>
    </row>
    <row r="299" spans="2:6" s="2" customFormat="1" ht="54" customHeight="1" x14ac:dyDescent="0.25">
      <c r="B299" s="71" t="s">
        <v>142</v>
      </c>
      <c r="C299" s="74" t="s">
        <v>288</v>
      </c>
      <c r="D299" s="49"/>
      <c r="E299" s="90"/>
      <c r="F299" s="91"/>
    </row>
    <row r="300" spans="2:6" s="2" customFormat="1" ht="60.75" customHeight="1" x14ac:dyDescent="0.25">
      <c r="B300" s="71" t="s">
        <v>143</v>
      </c>
      <c r="C300" s="74" t="s">
        <v>181</v>
      </c>
      <c r="D300" s="49"/>
      <c r="E300" s="90"/>
      <c r="F300" s="91"/>
    </row>
    <row r="301" spans="2:6" s="2" customFormat="1" ht="43.5" customHeight="1" x14ac:dyDescent="0.25">
      <c r="B301" s="71" t="s">
        <v>144</v>
      </c>
      <c r="C301" s="74" t="s">
        <v>182</v>
      </c>
      <c r="D301" s="49"/>
      <c r="E301" s="90"/>
      <c r="F301" s="91"/>
    </row>
    <row r="302" spans="2:6" s="2" customFormat="1" ht="30.75" customHeight="1" x14ac:dyDescent="0.25">
      <c r="B302" s="71" t="s">
        <v>145</v>
      </c>
      <c r="C302" s="74" t="s">
        <v>183</v>
      </c>
      <c r="D302" s="49"/>
      <c r="E302" s="90"/>
      <c r="F302" s="91"/>
    </row>
    <row r="303" spans="2:6" s="2" customFormat="1" ht="72" customHeight="1" x14ac:dyDescent="0.25">
      <c r="B303" s="71" t="s">
        <v>146</v>
      </c>
      <c r="C303" s="74" t="s">
        <v>184</v>
      </c>
      <c r="D303" s="49"/>
      <c r="E303" s="90"/>
      <c r="F303" s="91"/>
    </row>
    <row r="304" spans="2:6" s="2" customFormat="1" ht="30.75" customHeight="1" x14ac:dyDescent="0.25">
      <c r="B304" s="71" t="s">
        <v>147</v>
      </c>
      <c r="C304" s="74" t="s">
        <v>185</v>
      </c>
      <c r="D304" s="49"/>
      <c r="E304" s="90"/>
      <c r="F304" s="91"/>
    </row>
    <row r="305" spans="2:6" s="2" customFormat="1" ht="30.75" customHeight="1" x14ac:dyDescent="0.25">
      <c r="B305" s="71" t="s">
        <v>438</v>
      </c>
      <c r="C305" s="74" t="s">
        <v>186</v>
      </c>
      <c r="D305" s="49"/>
      <c r="E305" s="90"/>
      <c r="F305" s="91"/>
    </row>
    <row r="306" spans="2:6" s="2" customFormat="1" ht="46.5" customHeight="1" x14ac:dyDescent="0.25">
      <c r="B306" s="71" t="s">
        <v>439</v>
      </c>
      <c r="C306" s="74" t="s">
        <v>187</v>
      </c>
      <c r="D306" s="49"/>
      <c r="E306" s="90"/>
      <c r="F306" s="91"/>
    </row>
    <row r="307" spans="2:6" s="2" customFormat="1" ht="58.5" customHeight="1" x14ac:dyDescent="0.25">
      <c r="B307" s="71" t="s">
        <v>441</v>
      </c>
      <c r="C307" s="74" t="s">
        <v>188</v>
      </c>
      <c r="D307" s="49"/>
      <c r="E307" s="90"/>
      <c r="F307" s="91"/>
    </row>
    <row r="308" spans="2:6" s="2" customFormat="1" ht="67.5" customHeight="1" x14ac:dyDescent="0.25">
      <c r="B308" s="69" t="s">
        <v>65</v>
      </c>
      <c r="C308" s="74" t="s">
        <v>189</v>
      </c>
      <c r="D308" s="49"/>
      <c r="E308" s="90"/>
      <c r="F308" s="91"/>
    </row>
    <row r="309" spans="2:6" s="2" customFormat="1" ht="84" customHeight="1" x14ac:dyDescent="0.25">
      <c r="B309" s="70" t="s">
        <v>83</v>
      </c>
      <c r="C309" s="74" t="s">
        <v>190</v>
      </c>
      <c r="D309" s="49"/>
      <c r="E309" s="90"/>
      <c r="F309" s="91"/>
    </row>
    <row r="310" spans="2:6" s="2" customFormat="1" ht="30.75" customHeight="1" x14ac:dyDescent="0.25">
      <c r="B310" s="68" t="s">
        <v>66</v>
      </c>
      <c r="C310" s="74" t="s">
        <v>191</v>
      </c>
      <c r="D310" s="49"/>
      <c r="E310" s="90"/>
      <c r="F310" s="91"/>
    </row>
    <row r="311" spans="2:6" s="2" customFormat="1" ht="30.75" customHeight="1" x14ac:dyDescent="0.25">
      <c r="B311" s="71" t="s">
        <v>148</v>
      </c>
      <c r="C311" s="74" t="s">
        <v>192</v>
      </c>
      <c r="D311" s="49"/>
      <c r="E311" s="90"/>
      <c r="F311" s="91"/>
    </row>
    <row r="312" spans="2:6" s="2" customFormat="1" ht="30.75" customHeight="1" x14ac:dyDescent="0.25">
      <c r="B312" s="71" t="s">
        <v>149</v>
      </c>
      <c r="C312" s="74" t="s">
        <v>193</v>
      </c>
      <c r="D312" s="49"/>
      <c r="E312" s="90"/>
      <c r="F312" s="91"/>
    </row>
    <row r="313" spans="2:6" s="2" customFormat="1" ht="73.5" customHeight="1" x14ac:dyDescent="0.25">
      <c r="B313" s="68" t="s">
        <v>72</v>
      </c>
      <c r="C313" s="74" t="s">
        <v>194</v>
      </c>
      <c r="D313" s="49"/>
      <c r="E313" s="90"/>
      <c r="F313" s="91"/>
    </row>
    <row r="314" spans="2:6" s="2" customFormat="1" ht="60.75" customHeight="1" x14ac:dyDescent="0.25">
      <c r="B314" s="71" t="s">
        <v>85</v>
      </c>
      <c r="C314" s="74" t="s">
        <v>195</v>
      </c>
      <c r="D314" s="49"/>
      <c r="E314" s="90"/>
      <c r="F314" s="91"/>
    </row>
    <row r="315" spans="2:6" s="2" customFormat="1" ht="45" customHeight="1" x14ac:dyDescent="0.25">
      <c r="B315" s="71" t="s">
        <v>86</v>
      </c>
      <c r="C315" s="74" t="s">
        <v>196</v>
      </c>
      <c r="D315" s="49"/>
      <c r="E315" s="90"/>
      <c r="F315" s="91"/>
    </row>
    <row r="316" spans="2:6" s="2" customFormat="1" ht="144.75" customHeight="1" x14ac:dyDescent="0.25">
      <c r="B316" s="68" t="s">
        <v>163</v>
      </c>
      <c r="C316" s="74" t="s">
        <v>197</v>
      </c>
      <c r="D316" s="49"/>
      <c r="E316" s="90"/>
      <c r="F316" s="91"/>
    </row>
    <row r="317" spans="2:6" s="2" customFormat="1" ht="110.25" customHeight="1" x14ac:dyDescent="0.25">
      <c r="B317" s="68" t="s">
        <v>198</v>
      </c>
      <c r="C317" s="74" t="s">
        <v>199</v>
      </c>
      <c r="D317" s="49"/>
      <c r="E317" s="90"/>
      <c r="F317" s="91"/>
    </row>
    <row r="318" spans="2:6" s="2" customFormat="1" ht="53.25" customHeight="1" x14ac:dyDescent="0.25">
      <c r="B318" s="68" t="s">
        <v>200</v>
      </c>
      <c r="C318" s="74" t="s">
        <v>201</v>
      </c>
      <c r="D318" s="49"/>
      <c r="E318" s="90"/>
      <c r="F318" s="91"/>
    </row>
    <row r="319" spans="2:6" s="2" customFormat="1" ht="72" customHeight="1" x14ac:dyDescent="0.25">
      <c r="B319" s="68" t="s">
        <v>202</v>
      </c>
      <c r="C319" s="74" t="s">
        <v>203</v>
      </c>
      <c r="D319" s="49"/>
      <c r="E319" s="90"/>
      <c r="F319" s="91"/>
    </row>
    <row r="320" spans="2:6" s="2" customFormat="1" ht="41.25" customHeight="1" x14ac:dyDescent="0.25">
      <c r="B320" s="68" t="s">
        <v>204</v>
      </c>
      <c r="C320" s="74" t="s">
        <v>205</v>
      </c>
      <c r="D320" s="49"/>
      <c r="E320" s="90"/>
      <c r="F320" s="91"/>
    </row>
    <row r="321" spans="2:6" s="2" customFormat="1" ht="30.75" customHeight="1" x14ac:dyDescent="0.25">
      <c r="B321" s="68" t="s">
        <v>206</v>
      </c>
      <c r="C321" s="74" t="s">
        <v>207</v>
      </c>
      <c r="D321" s="49"/>
      <c r="E321" s="90"/>
      <c r="F321" s="91"/>
    </row>
    <row r="322" spans="2:6" s="2" customFormat="1" ht="71.25" customHeight="1" x14ac:dyDescent="0.25">
      <c r="B322" s="68" t="s">
        <v>208</v>
      </c>
      <c r="C322" s="74" t="s">
        <v>209</v>
      </c>
      <c r="D322" s="49"/>
      <c r="E322" s="90"/>
      <c r="F322" s="91"/>
    </row>
    <row r="323" spans="2:6" s="2" customFormat="1" ht="30.75" customHeight="1" x14ac:dyDescent="0.25">
      <c r="B323" s="68" t="s">
        <v>210</v>
      </c>
      <c r="C323" s="74" t="s">
        <v>211</v>
      </c>
      <c r="D323" s="49"/>
      <c r="E323" s="90"/>
      <c r="F323" s="91"/>
    </row>
    <row r="324" spans="2:6" s="2" customFormat="1" ht="30.75" customHeight="1" x14ac:dyDescent="0.25">
      <c r="B324" s="68" t="s">
        <v>212</v>
      </c>
      <c r="C324" s="74" t="s">
        <v>213</v>
      </c>
      <c r="D324" s="49"/>
      <c r="E324" s="90"/>
      <c r="F324" s="91"/>
    </row>
    <row r="325" spans="2:6" s="2" customFormat="1" ht="30.75" customHeight="1" x14ac:dyDescent="0.25">
      <c r="B325" s="71" t="s">
        <v>633</v>
      </c>
      <c r="C325" s="74" t="s">
        <v>214</v>
      </c>
      <c r="D325" s="49"/>
      <c r="E325" s="90"/>
      <c r="F325" s="91"/>
    </row>
    <row r="326" spans="2:6" s="2" customFormat="1" ht="73.5" customHeight="1" x14ac:dyDescent="0.25">
      <c r="B326" s="71" t="s">
        <v>634</v>
      </c>
      <c r="C326" s="74" t="s">
        <v>215</v>
      </c>
      <c r="D326" s="49"/>
      <c r="E326" s="90"/>
      <c r="F326" s="91"/>
    </row>
    <row r="327" spans="2:6" s="2" customFormat="1" ht="57.75" customHeight="1" x14ac:dyDescent="0.25">
      <c r="B327" s="68" t="s">
        <v>216</v>
      </c>
      <c r="C327" s="74" t="s">
        <v>217</v>
      </c>
      <c r="D327" s="49"/>
      <c r="E327" s="90"/>
      <c r="F327" s="91"/>
    </row>
    <row r="328" spans="2:6" s="2" customFormat="1" ht="30.75" customHeight="1" x14ac:dyDescent="0.25">
      <c r="B328" s="68" t="s">
        <v>218</v>
      </c>
      <c r="C328" s="74" t="s">
        <v>219</v>
      </c>
      <c r="D328" s="49"/>
      <c r="E328" s="90"/>
      <c r="F328" s="91"/>
    </row>
    <row r="329" spans="2:6" s="2" customFormat="1" ht="30.75" customHeight="1" x14ac:dyDescent="0.25">
      <c r="B329" s="68" t="s">
        <v>220</v>
      </c>
      <c r="C329" s="74" t="s">
        <v>221</v>
      </c>
      <c r="D329" s="49"/>
      <c r="E329" s="90"/>
      <c r="F329" s="91"/>
    </row>
    <row r="330" spans="2:6" s="2" customFormat="1" ht="30.75" customHeight="1" x14ac:dyDescent="0.25">
      <c r="B330" s="68" t="s">
        <v>222</v>
      </c>
      <c r="C330" s="74" t="s">
        <v>223</v>
      </c>
      <c r="D330" s="49"/>
      <c r="E330" s="90"/>
      <c r="F330" s="91"/>
    </row>
    <row r="331" spans="2:6" s="2" customFormat="1" ht="45" customHeight="1" x14ac:dyDescent="0.25">
      <c r="B331" s="68" t="s">
        <v>224</v>
      </c>
      <c r="C331" s="74" t="s">
        <v>225</v>
      </c>
      <c r="D331" s="49"/>
      <c r="E331" s="90"/>
      <c r="F331" s="91"/>
    </row>
    <row r="332" spans="2:6" s="2" customFormat="1" ht="58.5" customHeight="1" x14ac:dyDescent="0.25">
      <c r="B332" s="68" t="s">
        <v>226</v>
      </c>
      <c r="C332" s="74" t="s">
        <v>227</v>
      </c>
      <c r="D332" s="49"/>
      <c r="E332" s="90"/>
      <c r="F332" s="91"/>
    </row>
    <row r="333" spans="2:6" s="2" customFormat="1" ht="83.25" customHeight="1" x14ac:dyDescent="0.25">
      <c r="B333" s="68" t="s">
        <v>228</v>
      </c>
      <c r="C333" s="74" t="s">
        <v>229</v>
      </c>
      <c r="D333" s="49"/>
      <c r="E333" s="90"/>
      <c r="F333" s="91"/>
    </row>
    <row r="334" spans="2:6" s="2" customFormat="1" ht="30.75" customHeight="1" x14ac:dyDescent="0.25">
      <c r="B334" s="68" t="s">
        <v>230</v>
      </c>
      <c r="C334" s="74" t="s">
        <v>231</v>
      </c>
      <c r="D334" s="49"/>
      <c r="E334" s="90"/>
      <c r="F334" s="91"/>
    </row>
    <row r="335" spans="2:6" s="2" customFormat="1" ht="45" customHeight="1" x14ac:dyDescent="0.25">
      <c r="B335" s="68" t="s">
        <v>232</v>
      </c>
      <c r="C335" s="74" t="s">
        <v>233</v>
      </c>
      <c r="D335" s="49"/>
      <c r="E335" s="90"/>
      <c r="F335" s="91"/>
    </row>
    <row r="336" spans="2:6" s="2" customFormat="1" ht="30.75" customHeight="1" x14ac:dyDescent="0.25">
      <c r="B336" s="68" t="s">
        <v>234</v>
      </c>
      <c r="C336" s="74" t="s">
        <v>235</v>
      </c>
      <c r="D336" s="49"/>
      <c r="E336" s="90"/>
      <c r="F336" s="91"/>
    </row>
    <row r="337" spans="2:6" s="2" customFormat="1" ht="30.75" customHeight="1" x14ac:dyDescent="0.25">
      <c r="B337" s="71" t="s">
        <v>635</v>
      </c>
      <c r="C337" s="74" t="s">
        <v>236</v>
      </c>
      <c r="D337" s="49"/>
      <c r="E337" s="90"/>
      <c r="F337" s="91"/>
    </row>
    <row r="338" spans="2:6" s="2" customFormat="1" ht="30.75" customHeight="1" x14ac:dyDescent="0.25">
      <c r="B338" s="71" t="s">
        <v>636</v>
      </c>
      <c r="C338" s="74" t="s">
        <v>237</v>
      </c>
      <c r="D338" s="49"/>
      <c r="E338" s="90"/>
      <c r="F338" s="91"/>
    </row>
    <row r="339" spans="2:6" s="2" customFormat="1" ht="30.75" customHeight="1" x14ac:dyDescent="0.25">
      <c r="B339" s="71" t="s">
        <v>637</v>
      </c>
      <c r="C339" s="74" t="s">
        <v>238</v>
      </c>
      <c r="D339" s="49"/>
      <c r="E339" s="90"/>
      <c r="F339" s="91"/>
    </row>
    <row r="340" spans="2:6" s="2" customFormat="1" ht="30.75" customHeight="1" x14ac:dyDescent="0.25">
      <c r="B340" s="71" t="s">
        <v>638</v>
      </c>
      <c r="C340" s="74" t="s">
        <v>239</v>
      </c>
      <c r="D340" s="49"/>
      <c r="E340" s="90"/>
      <c r="F340" s="91"/>
    </row>
    <row r="341" spans="2:6" s="2" customFormat="1" ht="30.75" customHeight="1" x14ac:dyDescent="0.25">
      <c r="B341" s="68" t="s">
        <v>240</v>
      </c>
      <c r="C341" s="74" t="s">
        <v>241</v>
      </c>
      <c r="D341" s="49"/>
      <c r="E341" s="90"/>
      <c r="F341" s="91"/>
    </row>
    <row r="342" spans="2:6" s="2" customFormat="1" ht="30.75" customHeight="1" x14ac:dyDescent="0.25">
      <c r="B342" s="68" t="s">
        <v>242</v>
      </c>
      <c r="C342" s="74" t="s">
        <v>243</v>
      </c>
      <c r="D342" s="49"/>
      <c r="E342" s="90"/>
      <c r="F342" s="91"/>
    </row>
    <row r="343" spans="2:6" s="2" customFormat="1" ht="72.75" customHeight="1" x14ac:dyDescent="0.25">
      <c r="B343" s="71" t="s">
        <v>244</v>
      </c>
      <c r="C343" s="74" t="s">
        <v>245</v>
      </c>
      <c r="D343" s="49"/>
      <c r="E343" s="90"/>
      <c r="F343" s="91"/>
    </row>
    <row r="344" spans="2:6" s="2" customFormat="1" ht="45.75" customHeight="1" x14ac:dyDescent="0.25">
      <c r="B344" s="71" t="s">
        <v>246</v>
      </c>
      <c r="C344" s="74" t="s">
        <v>247</v>
      </c>
      <c r="D344" s="49"/>
      <c r="E344" s="90"/>
      <c r="F344" s="91"/>
    </row>
    <row r="345" spans="2:6" s="2" customFormat="1" ht="46.5" customHeight="1" x14ac:dyDescent="0.25">
      <c r="B345" s="68" t="s">
        <v>248</v>
      </c>
      <c r="C345" s="74" t="s">
        <v>249</v>
      </c>
      <c r="D345" s="49"/>
      <c r="E345" s="90"/>
      <c r="F345" s="91"/>
    </row>
    <row r="346" spans="2:6" s="2" customFormat="1" ht="51" x14ac:dyDescent="0.25">
      <c r="B346" s="68" t="s">
        <v>250</v>
      </c>
      <c r="C346" s="74" t="s">
        <v>251</v>
      </c>
      <c r="D346" s="49"/>
      <c r="E346" s="90"/>
      <c r="F346" s="91"/>
    </row>
    <row r="347" spans="2:6" s="2" customFormat="1" ht="63.75" x14ac:dyDescent="0.25">
      <c r="B347" s="68" t="s">
        <v>252</v>
      </c>
      <c r="C347" s="74" t="s">
        <v>253</v>
      </c>
      <c r="D347" s="49"/>
      <c r="E347" s="90"/>
      <c r="F347" s="91"/>
    </row>
    <row r="348" spans="2:6" s="2" customFormat="1" ht="70.5" customHeight="1" x14ac:dyDescent="0.25">
      <c r="B348" s="68" t="s">
        <v>254</v>
      </c>
      <c r="C348" s="74" t="s">
        <v>255</v>
      </c>
      <c r="D348" s="49"/>
      <c r="E348" s="90"/>
      <c r="F348" s="91"/>
    </row>
    <row r="349" spans="2:6" s="2" customFormat="1" ht="81.75" customHeight="1" x14ac:dyDescent="0.25">
      <c r="B349" s="68" t="s">
        <v>256</v>
      </c>
      <c r="C349" s="74" t="s">
        <v>257</v>
      </c>
      <c r="D349" s="49"/>
      <c r="E349" s="90"/>
      <c r="F349" s="91"/>
    </row>
    <row r="350" spans="2:6" s="2" customFormat="1" ht="81" customHeight="1" x14ac:dyDescent="0.25">
      <c r="B350" s="68" t="s">
        <v>258</v>
      </c>
      <c r="C350" s="74" t="s">
        <v>259</v>
      </c>
      <c r="D350" s="49"/>
      <c r="E350" s="90"/>
      <c r="F350" s="91"/>
    </row>
    <row r="351" spans="2:6" s="2" customFormat="1" ht="30.75" customHeight="1" x14ac:dyDescent="0.25">
      <c r="B351" s="68" t="s">
        <v>260</v>
      </c>
      <c r="C351" s="74" t="s">
        <v>261</v>
      </c>
      <c r="D351" s="49"/>
      <c r="E351" s="90"/>
      <c r="F351" s="91"/>
    </row>
    <row r="352" spans="2:6" s="2" customFormat="1" ht="117" customHeight="1" x14ac:dyDescent="0.25">
      <c r="B352" s="68" t="s">
        <v>262</v>
      </c>
      <c r="C352" s="74" t="s">
        <v>263</v>
      </c>
      <c r="D352" s="49"/>
      <c r="E352" s="90"/>
      <c r="F352" s="91"/>
    </row>
    <row r="353" spans="2:7" s="2" customFormat="1" ht="113.25" customHeight="1" x14ac:dyDescent="0.25">
      <c r="B353" s="68" t="s">
        <v>264</v>
      </c>
      <c r="C353" s="74" t="s">
        <v>265</v>
      </c>
      <c r="D353" s="49"/>
      <c r="E353" s="90"/>
      <c r="F353" s="91"/>
    </row>
    <row r="354" spans="2:7" s="2" customFormat="1" ht="57" customHeight="1" x14ac:dyDescent="0.25">
      <c r="B354" s="68" t="s">
        <v>266</v>
      </c>
      <c r="C354" s="74" t="s">
        <v>267</v>
      </c>
      <c r="D354" s="49"/>
      <c r="E354" s="90"/>
      <c r="F354" s="91"/>
    </row>
    <row r="355" spans="2:7" s="2" customFormat="1" ht="114.75" x14ac:dyDescent="0.25">
      <c r="B355" s="68" t="s">
        <v>268</v>
      </c>
      <c r="C355" s="74" t="s">
        <v>269</v>
      </c>
      <c r="D355" s="49"/>
      <c r="E355" s="90"/>
      <c r="F355" s="91"/>
    </row>
    <row r="356" spans="2:7" s="2" customFormat="1" ht="105.75" customHeight="1" x14ac:dyDescent="0.25">
      <c r="B356" s="68" t="s">
        <v>270</v>
      </c>
      <c r="C356" s="74" t="s">
        <v>271</v>
      </c>
      <c r="D356" s="49"/>
      <c r="E356" s="90"/>
      <c r="F356" s="91"/>
    </row>
    <row r="357" spans="2:7" s="2" customFormat="1" ht="153" x14ac:dyDescent="0.25">
      <c r="B357" s="68" t="s">
        <v>272</v>
      </c>
      <c r="C357" s="74" t="s">
        <v>273</v>
      </c>
      <c r="D357" s="49"/>
      <c r="E357" s="90"/>
      <c r="F357" s="91"/>
    </row>
    <row r="358" spans="2:7" s="2" customFormat="1" ht="71.25" customHeight="1" x14ac:dyDescent="0.25">
      <c r="B358" s="71" t="s">
        <v>639</v>
      </c>
      <c r="C358" s="74" t="s">
        <v>274</v>
      </c>
      <c r="D358" s="49"/>
      <c r="E358" s="90"/>
      <c r="F358" s="91"/>
    </row>
    <row r="359" spans="2:7" s="2" customFormat="1" ht="84" customHeight="1" x14ac:dyDescent="0.25">
      <c r="B359" s="71" t="s">
        <v>640</v>
      </c>
      <c r="C359" s="74" t="s">
        <v>275</v>
      </c>
      <c r="D359" s="49"/>
      <c r="E359" s="90"/>
      <c r="F359" s="91"/>
    </row>
    <row r="360" spans="2:7" s="2" customFormat="1" ht="84" customHeight="1" x14ac:dyDescent="0.25">
      <c r="B360" s="68" t="s">
        <v>276</v>
      </c>
      <c r="C360" s="74" t="s">
        <v>277</v>
      </c>
      <c r="D360" s="49"/>
      <c r="E360" s="90"/>
      <c r="F360" s="91"/>
    </row>
    <row r="361" spans="2:7" s="2" customFormat="1" ht="185.25" customHeight="1" x14ac:dyDescent="0.25">
      <c r="B361" s="68" t="s">
        <v>278</v>
      </c>
      <c r="C361" s="74" t="s">
        <v>279</v>
      </c>
      <c r="D361" s="49"/>
      <c r="E361" s="90"/>
      <c r="F361" s="91"/>
    </row>
    <row r="362" spans="2:7" s="2" customFormat="1" ht="93" customHeight="1" x14ac:dyDescent="0.25">
      <c r="B362" s="68" t="s">
        <v>280</v>
      </c>
      <c r="C362" s="74" t="s">
        <v>281</v>
      </c>
      <c r="D362" s="49"/>
      <c r="E362" s="90"/>
      <c r="F362" s="91"/>
    </row>
    <row r="363" spans="2:7" s="2" customFormat="1" ht="124.5" customHeight="1" x14ac:dyDescent="0.25">
      <c r="B363" s="68" t="s">
        <v>282</v>
      </c>
      <c r="C363" s="74" t="s">
        <v>283</v>
      </c>
      <c r="D363" s="49"/>
      <c r="E363" s="90"/>
      <c r="F363" s="91"/>
    </row>
    <row r="364" spans="2:7" s="2" customFormat="1" ht="73.5" customHeight="1" x14ac:dyDescent="0.25">
      <c r="B364" s="68" t="s">
        <v>284</v>
      </c>
      <c r="C364" s="74" t="s">
        <v>285</v>
      </c>
      <c r="D364" s="49"/>
      <c r="E364" s="90"/>
      <c r="F364" s="91"/>
    </row>
    <row r="365" spans="2:7" s="2" customFormat="1" ht="45.75" customHeight="1" thickBot="1" x14ac:dyDescent="0.3">
      <c r="B365" s="51" t="s">
        <v>286</v>
      </c>
      <c r="C365" s="75" t="s">
        <v>287</v>
      </c>
      <c r="D365" s="50"/>
      <c r="E365" s="141"/>
      <c r="F365" s="142"/>
    </row>
    <row r="366" spans="2:7" s="3" customFormat="1" ht="5.0999999999999996" customHeight="1" x14ac:dyDescent="0.25">
      <c r="B366" s="5"/>
      <c r="C366" s="5"/>
      <c r="D366" s="7"/>
      <c r="E366" s="7"/>
      <c r="F366" s="26"/>
      <c r="G366" s="2"/>
    </row>
    <row r="367" spans="2:7" s="2" customFormat="1" ht="20.100000000000001" customHeight="1" x14ac:dyDescent="0.25">
      <c r="B367" s="103" t="s">
        <v>54</v>
      </c>
      <c r="C367" s="103"/>
      <c r="D367" s="103"/>
      <c r="E367" s="103"/>
      <c r="F367" s="103"/>
    </row>
    <row r="368" spans="2:7" s="2" customFormat="1" ht="4.5" customHeight="1" thickBot="1" x14ac:dyDescent="0.3"/>
    <row r="369" spans="2:7" s="2" customFormat="1" ht="80.25" customHeight="1" x14ac:dyDescent="0.25">
      <c r="B369" s="104" t="s">
        <v>55</v>
      </c>
      <c r="C369" s="105"/>
      <c r="D369" s="108" t="s">
        <v>56</v>
      </c>
      <c r="E369" s="109"/>
      <c r="F369" s="110"/>
    </row>
    <row r="370" spans="2:7" s="3" customFormat="1" ht="29.25" customHeight="1" thickBot="1" x14ac:dyDescent="0.3">
      <c r="B370" s="106"/>
      <c r="C370" s="107"/>
      <c r="D370" s="24" t="s">
        <v>7</v>
      </c>
      <c r="E370" s="111" t="s">
        <v>32</v>
      </c>
      <c r="F370" s="112"/>
      <c r="G370" s="2"/>
    </row>
    <row r="371" spans="2:7" s="3" customFormat="1" ht="27" customHeight="1" x14ac:dyDescent="0.25">
      <c r="B371" s="152" t="s">
        <v>16</v>
      </c>
      <c r="C371" s="153" t="s">
        <v>68</v>
      </c>
      <c r="D371" s="154"/>
      <c r="E371" s="155"/>
      <c r="F371" s="156"/>
      <c r="G371" s="2"/>
    </row>
    <row r="372" spans="2:7" s="3" customFormat="1" ht="27" customHeight="1" x14ac:dyDescent="0.25">
      <c r="B372" s="68" t="s">
        <v>58</v>
      </c>
      <c r="C372" s="157" t="s">
        <v>57</v>
      </c>
      <c r="D372" s="158"/>
      <c r="E372" s="161"/>
      <c r="F372" s="162"/>
      <c r="G372" s="2"/>
    </row>
    <row r="373" spans="2:7" s="3" customFormat="1" ht="36" customHeight="1" x14ac:dyDescent="0.25">
      <c r="B373" s="68" t="s">
        <v>59</v>
      </c>
      <c r="C373" s="86" t="s">
        <v>642</v>
      </c>
      <c r="D373" s="158"/>
      <c r="E373" s="161"/>
      <c r="F373" s="162"/>
      <c r="G373" s="2"/>
    </row>
    <row r="374" spans="2:7" s="3" customFormat="1" ht="52.5" customHeight="1" x14ac:dyDescent="0.25">
      <c r="B374" s="68" t="s">
        <v>60</v>
      </c>
      <c r="C374" s="86" t="s">
        <v>643</v>
      </c>
      <c r="D374" s="158"/>
      <c r="E374" s="161"/>
      <c r="F374" s="162"/>
      <c r="G374" s="2"/>
    </row>
    <row r="375" spans="2:7" s="3" customFormat="1" ht="33" customHeight="1" x14ac:dyDescent="0.25">
      <c r="B375" s="68" t="s">
        <v>61</v>
      </c>
      <c r="C375" s="86" t="s">
        <v>644</v>
      </c>
      <c r="D375" s="158"/>
      <c r="E375" s="161"/>
      <c r="F375" s="162"/>
      <c r="G375" s="2"/>
    </row>
    <row r="376" spans="2:7" s="3" customFormat="1" ht="33" customHeight="1" x14ac:dyDescent="0.25">
      <c r="B376" s="68" t="s">
        <v>62</v>
      </c>
      <c r="C376" s="86" t="s">
        <v>645</v>
      </c>
      <c r="D376" s="158"/>
      <c r="E376" s="161"/>
      <c r="F376" s="162"/>
      <c r="G376" s="2"/>
    </row>
    <row r="377" spans="2:7" s="3" customFormat="1" ht="35.25" customHeight="1" x14ac:dyDescent="0.25">
      <c r="B377" s="68" t="s">
        <v>71</v>
      </c>
      <c r="C377" s="86" t="s">
        <v>646</v>
      </c>
      <c r="D377" s="158"/>
      <c r="E377" s="161"/>
      <c r="F377" s="162"/>
      <c r="G377" s="2"/>
    </row>
    <row r="378" spans="2:7" s="3" customFormat="1" ht="50.25" customHeight="1" thickBot="1" x14ac:dyDescent="0.3">
      <c r="B378" s="51" t="s">
        <v>63</v>
      </c>
      <c r="C378" s="159" t="s">
        <v>647</v>
      </c>
      <c r="D378" s="160"/>
      <c r="E378" s="141"/>
      <c r="F378" s="142"/>
      <c r="G378" s="2"/>
    </row>
    <row r="379" spans="2:7" s="2" customFormat="1" ht="5.0999999999999996" customHeight="1" x14ac:dyDescent="0.25">
      <c r="B379" s="5"/>
      <c r="C379" s="5"/>
      <c r="D379" s="7"/>
      <c r="E379" s="7"/>
      <c r="F379" s="26"/>
    </row>
    <row r="380" spans="2:7" s="2" customFormat="1" ht="20.100000000000001" customHeight="1" x14ac:dyDescent="0.25">
      <c r="B380" s="103" t="s">
        <v>15</v>
      </c>
      <c r="C380" s="103"/>
      <c r="D380" s="103"/>
      <c r="E380" s="103"/>
      <c r="F380" s="103"/>
    </row>
    <row r="381" spans="2:7" s="3" customFormat="1" ht="30" customHeight="1" x14ac:dyDescent="0.25">
      <c r="B381" s="5" t="s">
        <v>17</v>
      </c>
      <c r="C381" s="123" t="s">
        <v>93</v>
      </c>
      <c r="D381" s="123"/>
      <c r="E381" s="123"/>
      <c r="F381" s="123"/>
      <c r="G381" s="2"/>
    </row>
    <row r="382" spans="2:7" s="28" customFormat="1" ht="30" customHeight="1" x14ac:dyDescent="0.25">
      <c r="B382" s="5" t="s">
        <v>33</v>
      </c>
      <c r="C382" s="123" t="s">
        <v>34</v>
      </c>
      <c r="D382" s="123"/>
      <c r="E382" s="123"/>
      <c r="F382" s="123"/>
      <c r="G382" s="2"/>
    </row>
    <row r="383" spans="2:7" s="28" customFormat="1" ht="30" customHeight="1" x14ac:dyDescent="0.25">
      <c r="B383" s="124" t="s">
        <v>35</v>
      </c>
      <c r="C383" s="124"/>
      <c r="D383" s="124"/>
      <c r="E383" s="124"/>
      <c r="F383" s="3"/>
      <c r="G383" s="2"/>
    </row>
    <row r="384" spans="2:7" s="2" customFormat="1" ht="24.95" customHeight="1" x14ac:dyDescent="0.25">
      <c r="B384" s="27" t="s">
        <v>36</v>
      </c>
      <c r="C384" s="121"/>
      <c r="D384" s="121"/>
      <c r="F384" s="28"/>
    </row>
    <row r="385" spans="2:7" s="2" customFormat="1" ht="24.95" customHeight="1" x14ac:dyDescent="0.25">
      <c r="B385" s="27" t="s">
        <v>37</v>
      </c>
      <c r="C385" s="121"/>
      <c r="D385" s="121"/>
      <c r="F385" s="28"/>
    </row>
    <row r="386" spans="2:7" s="2" customFormat="1" ht="24.95" customHeight="1" x14ac:dyDescent="0.25">
      <c r="B386" s="27" t="s">
        <v>38</v>
      </c>
      <c r="C386" s="121"/>
      <c r="D386" s="121"/>
      <c r="F386" s="28"/>
    </row>
    <row r="387" spans="2:7" s="3" customFormat="1" ht="24.95" customHeight="1" x14ac:dyDescent="0.25">
      <c r="B387" s="27" t="s">
        <v>39</v>
      </c>
      <c r="C387" s="121"/>
      <c r="D387" s="121"/>
      <c r="E387" s="2"/>
      <c r="F387" s="29"/>
      <c r="G387" s="2"/>
    </row>
    <row r="388" spans="2:7" s="2" customFormat="1" ht="14.25" customHeight="1" x14ac:dyDescent="0.2">
      <c r="B388" s="11"/>
      <c r="C388" s="12"/>
      <c r="D388" s="12"/>
      <c r="F388" s="30"/>
    </row>
    <row r="389" spans="2:7" s="3" customFormat="1" ht="15" customHeight="1" x14ac:dyDescent="0.25">
      <c r="B389" s="125" t="s">
        <v>40</v>
      </c>
      <c r="C389" s="125"/>
      <c r="D389" s="125"/>
      <c r="E389" s="125"/>
      <c r="F389" s="125"/>
    </row>
    <row r="390" spans="2:7" s="2" customFormat="1" ht="36.75" customHeight="1" x14ac:dyDescent="0.25">
      <c r="B390" s="122" t="s">
        <v>51</v>
      </c>
      <c r="C390" s="122"/>
      <c r="D390" s="122"/>
      <c r="E390" s="122"/>
      <c r="F390" s="122"/>
    </row>
    <row r="391" spans="2:7" s="2" customFormat="1" ht="20.100000000000001" customHeight="1" x14ac:dyDescent="0.2">
      <c r="B391" s="1"/>
      <c r="C391" s="1"/>
      <c r="D391" s="8"/>
      <c r="E391" s="8"/>
    </row>
    <row r="392" spans="2:7" s="3" customFormat="1" ht="4.5" customHeight="1" x14ac:dyDescent="0.2">
      <c r="B392" s="1"/>
      <c r="C392" s="1"/>
      <c r="D392" s="8"/>
      <c r="E392" s="8"/>
      <c r="F392" s="2"/>
    </row>
    <row r="393" spans="2:7" s="3" customFormat="1" ht="20.100000000000001" customHeight="1" x14ac:dyDescent="0.25">
      <c r="B393" s="31" t="s">
        <v>41</v>
      </c>
      <c r="C393" s="32"/>
      <c r="D393" s="33" t="s">
        <v>42</v>
      </c>
      <c r="E393" s="119"/>
      <c r="F393" s="119"/>
    </row>
    <row r="394" spans="2:7" s="3" customFormat="1" ht="20.100000000000001" customHeight="1" x14ac:dyDescent="0.25">
      <c r="B394" s="34"/>
      <c r="C394" s="34"/>
      <c r="D394" s="34"/>
      <c r="E394" s="35"/>
      <c r="F394" s="35"/>
    </row>
    <row r="395" spans="2:7" ht="20.100000000000001" customHeight="1" x14ac:dyDescent="0.2">
      <c r="B395" s="31" t="s">
        <v>43</v>
      </c>
      <c r="C395" s="32"/>
      <c r="D395" s="36" t="s">
        <v>44</v>
      </c>
      <c r="E395" s="120"/>
      <c r="F395" s="120"/>
    </row>
    <row r="396" spans="2:7" s="2" customFormat="1" ht="20.100000000000001" customHeight="1" x14ac:dyDescent="0.2">
      <c r="B396" s="1"/>
      <c r="C396" s="1"/>
      <c r="D396" s="36" t="s">
        <v>45</v>
      </c>
      <c r="E396" s="121"/>
      <c r="F396" s="121"/>
    </row>
    <row r="397" spans="2:7" s="2" customFormat="1" ht="20.100000000000001" customHeight="1" x14ac:dyDescent="0.2">
      <c r="B397" s="1"/>
      <c r="C397" s="1"/>
      <c r="D397" s="37" t="s">
        <v>46</v>
      </c>
      <c r="E397" s="1"/>
    </row>
    <row r="398" spans="2:7" s="2" customFormat="1" ht="37.5" customHeight="1" x14ac:dyDescent="0.25"/>
    <row r="399" spans="2:7" s="2" customFormat="1" ht="24" customHeight="1" x14ac:dyDescent="0.25"/>
    <row r="400" spans="2:7" s="2" customFormat="1" ht="24" customHeight="1" x14ac:dyDescent="0.25"/>
    <row r="401" spans="2:5" s="2" customFormat="1" ht="24" customHeight="1" x14ac:dyDescent="0.25"/>
    <row r="402" spans="2:5" s="2" customFormat="1" ht="20.100000000000001" customHeight="1" x14ac:dyDescent="0.25"/>
    <row r="403" spans="2:5" s="2" customFormat="1" ht="20.100000000000001" customHeight="1" x14ac:dyDescent="0.25"/>
    <row r="404" spans="2:5" s="2" customFormat="1" ht="50.1" customHeight="1" x14ac:dyDescent="0.25"/>
    <row r="405" spans="2:5" s="2" customFormat="1" ht="43.5" customHeight="1" x14ac:dyDescent="0.25"/>
    <row r="406" spans="2:5" ht="24.75" customHeight="1" x14ac:dyDescent="0.2">
      <c r="B406" s="2"/>
      <c r="C406" s="2"/>
      <c r="D406" s="2"/>
      <c r="E406" s="2"/>
    </row>
    <row r="407" spans="2:5" x14ac:dyDescent="0.2">
      <c r="B407" s="2"/>
      <c r="C407" s="2"/>
      <c r="D407" s="2"/>
      <c r="E407" s="2"/>
    </row>
    <row r="408" spans="2:5" ht="20.100000000000001" customHeight="1" x14ac:dyDescent="0.2"/>
    <row r="409" spans="2:5" ht="4.5" customHeight="1" x14ac:dyDescent="0.2"/>
    <row r="410" spans="2:5" ht="20.100000000000001" customHeight="1" x14ac:dyDescent="0.2"/>
    <row r="411" spans="2:5" ht="20.100000000000001" customHeight="1" x14ac:dyDescent="0.2"/>
    <row r="412" spans="2:5" ht="20.100000000000001" customHeight="1" x14ac:dyDescent="0.2"/>
  </sheetData>
  <mergeCells count="378">
    <mergeCell ref="E372:F372"/>
    <mergeCell ref="E373:F373"/>
    <mergeCell ref="E374:F374"/>
    <mergeCell ref="E375:F375"/>
    <mergeCell ref="E376:F376"/>
    <mergeCell ref="E377:F377"/>
    <mergeCell ref="E246:F246"/>
    <mergeCell ref="E247:F247"/>
    <mergeCell ref="E257:F257"/>
    <mergeCell ref="E258:F258"/>
    <mergeCell ref="E248:F248"/>
    <mergeCell ref="E249:F249"/>
    <mergeCell ref="E250:F250"/>
    <mergeCell ref="E251:F251"/>
    <mergeCell ref="E252:F252"/>
    <mergeCell ref="E253:F253"/>
    <mergeCell ref="E254:F254"/>
    <mergeCell ref="E255:F255"/>
    <mergeCell ref="E256:F256"/>
    <mergeCell ref="E237:F237"/>
    <mergeCell ref="E238:F238"/>
    <mergeCell ref="E239:F239"/>
    <mergeCell ref="E240:F240"/>
    <mergeCell ref="E241:F241"/>
    <mergeCell ref="E242:F242"/>
    <mergeCell ref="E243:F243"/>
    <mergeCell ref="E244:F244"/>
    <mergeCell ref="E245:F245"/>
    <mergeCell ref="E228:F228"/>
    <mergeCell ref="E229:F229"/>
    <mergeCell ref="E230:F230"/>
    <mergeCell ref="E231:F231"/>
    <mergeCell ref="E232:F232"/>
    <mergeCell ref="E233:F233"/>
    <mergeCell ref="E234:F234"/>
    <mergeCell ref="E235:F235"/>
    <mergeCell ref="E236:F236"/>
    <mergeCell ref="E219:F219"/>
    <mergeCell ref="E220:F220"/>
    <mergeCell ref="E221:F221"/>
    <mergeCell ref="E222:F222"/>
    <mergeCell ref="E223:F223"/>
    <mergeCell ref="E224:F224"/>
    <mergeCell ref="E225:F225"/>
    <mergeCell ref="E226:F226"/>
    <mergeCell ref="E227:F227"/>
    <mergeCell ref="E210:F210"/>
    <mergeCell ref="E211:F211"/>
    <mergeCell ref="E212:F212"/>
    <mergeCell ref="E213:F213"/>
    <mergeCell ref="E214:F214"/>
    <mergeCell ref="E215:F215"/>
    <mergeCell ref="E216:F216"/>
    <mergeCell ref="E217:F217"/>
    <mergeCell ref="E218:F218"/>
    <mergeCell ref="E165:F165"/>
    <mergeCell ref="E166:F166"/>
    <mergeCell ref="E167:F167"/>
    <mergeCell ref="E168:F168"/>
    <mergeCell ref="E195:F195"/>
    <mergeCell ref="E196:F196"/>
    <mergeCell ref="E203:F203"/>
    <mergeCell ref="E204:F204"/>
    <mergeCell ref="E205:F205"/>
    <mergeCell ref="E100:F100"/>
    <mergeCell ref="E101:F101"/>
    <mergeCell ref="E102:F102"/>
    <mergeCell ref="E103:F103"/>
    <mergeCell ref="E112:F112"/>
    <mergeCell ref="E106:F106"/>
    <mergeCell ref="E162:F162"/>
    <mergeCell ref="E163:F163"/>
    <mergeCell ref="E164:F164"/>
    <mergeCell ref="E268:F268"/>
    <mergeCell ref="E269:F269"/>
    <mergeCell ref="E270:F270"/>
    <mergeCell ref="E271:F271"/>
    <mergeCell ref="E272:F272"/>
    <mergeCell ref="E276:F276"/>
    <mergeCell ref="E187:F187"/>
    <mergeCell ref="E173:F173"/>
    <mergeCell ref="E174:F174"/>
    <mergeCell ref="E273:F273"/>
    <mergeCell ref="E274:F274"/>
    <mergeCell ref="E275:F275"/>
    <mergeCell ref="E263:F263"/>
    <mergeCell ref="E197:F197"/>
    <mergeCell ref="E198:F198"/>
    <mergeCell ref="E199:F199"/>
    <mergeCell ref="E200:F200"/>
    <mergeCell ref="E201:F201"/>
    <mergeCell ref="E202:F202"/>
    <mergeCell ref="E175:F175"/>
    <mergeCell ref="E206:F206"/>
    <mergeCell ref="E207:F207"/>
    <mergeCell ref="E208:F208"/>
    <mergeCell ref="E209:F209"/>
    <mergeCell ref="E151:F151"/>
    <mergeCell ref="E149:F149"/>
    <mergeCell ref="E150:F150"/>
    <mergeCell ref="E169:F169"/>
    <mergeCell ref="E171:F171"/>
    <mergeCell ref="E172:F172"/>
    <mergeCell ref="E133:F133"/>
    <mergeCell ref="E134:F134"/>
    <mergeCell ref="E135:F135"/>
    <mergeCell ref="E136:F136"/>
    <mergeCell ref="E137:F137"/>
    <mergeCell ref="E146:F146"/>
    <mergeCell ref="E147:F147"/>
    <mergeCell ref="E148:F148"/>
    <mergeCell ref="E144:F144"/>
    <mergeCell ref="E145:F145"/>
    <mergeCell ref="E152:F152"/>
    <mergeCell ref="E153:F153"/>
    <mergeCell ref="E154:F154"/>
    <mergeCell ref="E155:F155"/>
    <mergeCell ref="E156:F156"/>
    <mergeCell ref="E157:F157"/>
    <mergeCell ref="E158:F158"/>
    <mergeCell ref="E159:F159"/>
    <mergeCell ref="E160:F160"/>
    <mergeCell ref="E161:F161"/>
    <mergeCell ref="E362:F362"/>
    <mergeCell ref="E363:F363"/>
    <mergeCell ref="E364:F364"/>
    <mergeCell ref="E365:F365"/>
    <mergeCell ref="B282:F282"/>
    <mergeCell ref="E342:F342"/>
    <mergeCell ref="E343:F343"/>
    <mergeCell ref="E344:F344"/>
    <mergeCell ref="E345:F345"/>
    <mergeCell ref="E346:F346"/>
    <mergeCell ref="E347:F347"/>
    <mergeCell ref="E337:F337"/>
    <mergeCell ref="E305:F305"/>
    <mergeCell ref="E306:F306"/>
    <mergeCell ref="E307:F307"/>
    <mergeCell ref="E348:F348"/>
    <mergeCell ref="E264:F264"/>
    <mergeCell ref="E265:F265"/>
    <mergeCell ref="E266:F266"/>
    <mergeCell ref="E267:F267"/>
    <mergeCell ref="E338:F338"/>
    <mergeCell ref="E339:F339"/>
    <mergeCell ref="E336:F336"/>
    <mergeCell ref="E352:F352"/>
    <mergeCell ref="E353:F353"/>
    <mergeCell ref="E354:F354"/>
    <mergeCell ref="E84:F84"/>
    <mergeCell ref="E85:F85"/>
    <mergeCell ref="E86:F86"/>
    <mergeCell ref="E340:F340"/>
    <mergeCell ref="E328:F328"/>
    <mergeCell ref="E329:F329"/>
    <mergeCell ref="E330:F330"/>
    <mergeCell ref="E331:F331"/>
    <mergeCell ref="E308:F308"/>
    <mergeCell ref="E309:F309"/>
    <mergeCell ref="E310:F310"/>
    <mergeCell ref="E311:F311"/>
    <mergeCell ref="E138:F138"/>
    <mergeCell ref="E170:F170"/>
    <mergeCell ref="E139:F139"/>
    <mergeCell ref="E349:F349"/>
    <mergeCell ref="E350:F350"/>
    <mergeCell ref="E140:F140"/>
    <mergeCell ref="E141:F141"/>
    <mergeCell ref="E142:F142"/>
    <mergeCell ref="E111:F111"/>
    <mergeCell ref="E113:F113"/>
    <mergeCell ref="E114:F114"/>
    <mergeCell ref="E115:F115"/>
    <mergeCell ref="E116:F116"/>
    <mergeCell ref="E143:F143"/>
    <mergeCell ref="E129:F129"/>
    <mergeCell ref="E130:F130"/>
    <mergeCell ref="E131:F131"/>
    <mergeCell ref="E132:F132"/>
    <mergeCell ref="E125:F125"/>
    <mergeCell ref="E126:F126"/>
    <mergeCell ref="E127:F127"/>
    <mergeCell ref="E128:F128"/>
    <mergeCell ref="E122:F122"/>
    <mergeCell ref="E123:F123"/>
    <mergeCell ref="E124:F124"/>
    <mergeCell ref="E58:F58"/>
    <mergeCell ref="E57:F57"/>
    <mergeCell ref="E48:F48"/>
    <mergeCell ref="E49:F49"/>
    <mergeCell ref="E56:F56"/>
    <mergeCell ref="E51:F51"/>
    <mergeCell ref="E69:F69"/>
    <mergeCell ref="E107:F107"/>
    <mergeCell ref="E108:F108"/>
    <mergeCell ref="E59:F59"/>
    <mergeCell ref="E60:F60"/>
    <mergeCell ref="E61:F61"/>
    <mergeCell ref="E62:F62"/>
    <mergeCell ref="E63:F63"/>
    <mergeCell ref="E64:F64"/>
    <mergeCell ref="E65:F65"/>
    <mergeCell ref="E66:F66"/>
    <mergeCell ref="E67:F67"/>
    <mergeCell ref="E68:F68"/>
    <mergeCell ref="E95:F95"/>
    <mergeCell ref="E96:F96"/>
    <mergeCell ref="E97:F97"/>
    <mergeCell ref="E98:F98"/>
    <mergeCell ref="E99:F99"/>
    <mergeCell ref="B14:D14"/>
    <mergeCell ref="B15:D15"/>
    <mergeCell ref="C33:D33"/>
    <mergeCell ref="E52:F52"/>
    <mergeCell ref="E53:F53"/>
    <mergeCell ref="E54:F54"/>
    <mergeCell ref="E55:F55"/>
    <mergeCell ref="B26:F26"/>
    <mergeCell ref="C31:D31"/>
    <mergeCell ref="B35:C35"/>
    <mergeCell ref="B16:D16"/>
    <mergeCell ref="B3:F3"/>
    <mergeCell ref="B7:F7"/>
    <mergeCell ref="B8:F8"/>
    <mergeCell ref="B9:F9"/>
    <mergeCell ref="B11:F11"/>
    <mergeCell ref="B12:D12"/>
    <mergeCell ref="E283:F283"/>
    <mergeCell ref="E45:F45"/>
    <mergeCell ref="B43:F43"/>
    <mergeCell ref="E44:F44"/>
    <mergeCell ref="C32:D32"/>
    <mergeCell ref="B39:F39"/>
    <mergeCell ref="B41:C42"/>
    <mergeCell ref="B17:D17"/>
    <mergeCell ref="E46:F46"/>
    <mergeCell ref="E47:F47"/>
    <mergeCell ref="B23:F23"/>
    <mergeCell ref="D41:F41"/>
    <mergeCell ref="E42:F42"/>
    <mergeCell ref="E83:F83"/>
    <mergeCell ref="E70:F70"/>
    <mergeCell ref="E71:F71"/>
    <mergeCell ref="E74:F74"/>
    <mergeCell ref="B13:D13"/>
    <mergeCell ref="E393:F393"/>
    <mergeCell ref="E395:F395"/>
    <mergeCell ref="E396:F396"/>
    <mergeCell ref="B390:F390"/>
    <mergeCell ref="B380:F380"/>
    <mergeCell ref="C381:F381"/>
    <mergeCell ref="C382:F382"/>
    <mergeCell ref="B383:E383"/>
    <mergeCell ref="B389:F389"/>
    <mergeCell ref="C384:D384"/>
    <mergeCell ref="C385:D385"/>
    <mergeCell ref="C386:D386"/>
    <mergeCell ref="C387:D387"/>
    <mergeCell ref="E81:F81"/>
    <mergeCell ref="E361:F361"/>
    <mergeCell ref="E356:F356"/>
    <mergeCell ref="E190:F190"/>
    <mergeCell ref="E191:F191"/>
    <mergeCell ref="E192:F192"/>
    <mergeCell ref="E193:F193"/>
    <mergeCell ref="E194:F194"/>
    <mergeCell ref="E176:F176"/>
    <mergeCell ref="E181:F181"/>
    <mergeCell ref="E182:F182"/>
    <mergeCell ref="E183:F183"/>
    <mergeCell ref="E184:F184"/>
    <mergeCell ref="E185:F185"/>
    <mergeCell ref="E186:F186"/>
    <mergeCell ref="E284:F284"/>
    <mergeCell ref="E332:F332"/>
    <mergeCell ref="E117:F117"/>
    <mergeCell ref="E118:F118"/>
    <mergeCell ref="E119:F119"/>
    <mergeCell ref="E120:F120"/>
    <mergeCell ref="E121:F121"/>
    <mergeCell ref="E109:F109"/>
    <mergeCell ref="E110:F110"/>
    <mergeCell ref="B2:F2"/>
    <mergeCell ref="B1:F1"/>
    <mergeCell ref="B27:C27"/>
    <mergeCell ref="B30:C30"/>
    <mergeCell ref="E371:F371"/>
    <mergeCell ref="E286:F286"/>
    <mergeCell ref="E287:F287"/>
    <mergeCell ref="E288:F288"/>
    <mergeCell ref="E289:F289"/>
    <mergeCell ref="E290:F290"/>
    <mergeCell ref="E291:F291"/>
    <mergeCell ref="E292:F292"/>
    <mergeCell ref="E285:F285"/>
    <mergeCell ref="B278:F278"/>
    <mergeCell ref="B280:C281"/>
    <mergeCell ref="D280:F280"/>
    <mergeCell ref="E281:F281"/>
    <mergeCell ref="B25:F25"/>
    <mergeCell ref="B20:D20"/>
    <mergeCell ref="B21:D21"/>
    <mergeCell ref="B22:F22"/>
    <mergeCell ref="B24:D24"/>
    <mergeCell ref="E50:F50"/>
    <mergeCell ref="E355:F355"/>
    <mergeCell ref="E378:F378"/>
    <mergeCell ref="B367:F367"/>
    <mergeCell ref="B369:C370"/>
    <mergeCell ref="D369:F369"/>
    <mergeCell ref="E370:F370"/>
    <mergeCell ref="E293:F293"/>
    <mergeCell ref="E294:F294"/>
    <mergeCell ref="E295:F295"/>
    <mergeCell ref="E296:F296"/>
    <mergeCell ref="E297:F297"/>
    <mergeCell ref="E298:F298"/>
    <mergeCell ref="E299:F299"/>
    <mergeCell ref="E300:F300"/>
    <mergeCell ref="E312:F312"/>
    <mergeCell ref="E313:F313"/>
    <mergeCell ref="E314:F314"/>
    <mergeCell ref="E315:F315"/>
    <mergeCell ref="E316:F316"/>
    <mergeCell ref="E335:F335"/>
    <mergeCell ref="E357:F357"/>
    <mergeCell ref="E358:F358"/>
    <mergeCell ref="E359:F359"/>
    <mergeCell ref="E360:F360"/>
    <mergeCell ref="E318:F318"/>
    <mergeCell ref="E262:F262"/>
    <mergeCell ref="E351:F351"/>
    <mergeCell ref="E72:F72"/>
    <mergeCell ref="E73:F73"/>
    <mergeCell ref="E91:F91"/>
    <mergeCell ref="E104:F104"/>
    <mergeCell ref="E105:F105"/>
    <mergeCell ref="E87:F87"/>
    <mergeCell ref="E88:F88"/>
    <mergeCell ref="E89:F89"/>
    <mergeCell ref="E90:F90"/>
    <mergeCell ref="E92:F92"/>
    <mergeCell ref="E93:F93"/>
    <mergeCell ref="E75:F75"/>
    <mergeCell ref="E76:F76"/>
    <mergeCell ref="E79:F79"/>
    <mergeCell ref="E82:F82"/>
    <mergeCell ref="E301:F301"/>
    <mergeCell ref="E302:F302"/>
    <mergeCell ref="E303:F303"/>
    <mergeCell ref="E304:F304"/>
    <mergeCell ref="E77:F77"/>
    <mergeCell ref="E78:F78"/>
    <mergeCell ref="E80:F80"/>
    <mergeCell ref="B274:B276"/>
    <mergeCell ref="E341:F341"/>
    <mergeCell ref="E94:F94"/>
    <mergeCell ref="E177:F177"/>
    <mergeCell ref="E178:F178"/>
    <mergeCell ref="E179:F179"/>
    <mergeCell ref="E180:F180"/>
    <mergeCell ref="E188:F188"/>
    <mergeCell ref="E189:F189"/>
    <mergeCell ref="E259:F259"/>
    <mergeCell ref="E260:F260"/>
    <mergeCell ref="B261:F261"/>
    <mergeCell ref="E319:F319"/>
    <mergeCell ref="E320:F320"/>
    <mergeCell ref="E321:F321"/>
    <mergeCell ref="E322:F322"/>
    <mergeCell ref="E323:F323"/>
    <mergeCell ref="E324:F324"/>
    <mergeCell ref="E325:F325"/>
    <mergeCell ref="E326:F326"/>
    <mergeCell ref="E327:F327"/>
    <mergeCell ref="E317:F317"/>
    <mergeCell ref="E333:F333"/>
    <mergeCell ref="E334:F334"/>
  </mergeCells>
  <conditionalFormatting sqref="D70:D73 D88:D104 D106:D112 D114:D117 D130:D133 D149:D169 D171:D172 D181:D186 D51:D56 D127:D128 D174:D175 D58:D68 D119:D120 D125 D135:D146 D188:D211 D213:D223 D225:D231 D233:D238 D240:D260">
    <cfRule type="containsBlanks" dxfId="42" priority="126">
      <formula>LEN(TRIM(D51))=0</formula>
    </cfRule>
  </conditionalFormatting>
  <conditionalFormatting sqref="E395:F395">
    <cfRule type="containsBlanks" dxfId="41" priority="125">
      <formula>LEN(TRIM(E395))=0</formula>
    </cfRule>
  </conditionalFormatting>
  <conditionalFormatting sqref="C393">
    <cfRule type="containsBlanks" dxfId="40" priority="123">
      <formula>LEN(TRIM(C393))=0</formula>
    </cfRule>
  </conditionalFormatting>
  <conditionalFormatting sqref="E396:F396">
    <cfRule type="containsBlanks" dxfId="39" priority="124">
      <formula>LEN(TRIM(E396))=0</formula>
    </cfRule>
  </conditionalFormatting>
  <conditionalFormatting sqref="C395">
    <cfRule type="containsBlanks" dxfId="38" priority="122">
      <formula>LEN(TRIM(C395))=0</formula>
    </cfRule>
  </conditionalFormatting>
  <conditionalFormatting sqref="C4:C5">
    <cfRule type="containsBlanks" dxfId="37" priority="121">
      <formula>LEN(TRIM(C4))=0</formula>
    </cfRule>
  </conditionalFormatting>
  <conditionalFormatting sqref="D44">
    <cfRule type="containsBlanks" dxfId="36" priority="120">
      <formula>LEN(TRIM(D44))=0</formula>
    </cfRule>
  </conditionalFormatting>
  <conditionalFormatting sqref="D371:D377">
    <cfRule type="containsBlanks" dxfId="35" priority="115">
      <formula>LEN(TRIM(D371))=0</formula>
    </cfRule>
  </conditionalFormatting>
  <conditionalFormatting sqref="C386:D386">
    <cfRule type="containsBlanks" dxfId="34" priority="111">
      <formula>LEN(TRIM(C386))=0</formula>
    </cfRule>
  </conditionalFormatting>
  <conditionalFormatting sqref="D45:D46">
    <cfRule type="containsBlanks" dxfId="33" priority="93">
      <formula>LEN(TRIM(D45))=0</formula>
    </cfRule>
  </conditionalFormatting>
  <conditionalFormatting sqref="C385:D385">
    <cfRule type="containsBlanks" dxfId="32" priority="62">
      <formula>LEN(TRIM(C385))=0</formula>
    </cfRule>
  </conditionalFormatting>
  <conditionalFormatting sqref="C384:D384">
    <cfRule type="containsBlanks" dxfId="31" priority="61">
      <formula>LEN(TRIM(C384))=0</formula>
    </cfRule>
  </conditionalFormatting>
  <conditionalFormatting sqref="C387:D387">
    <cfRule type="containsBlanks" dxfId="30" priority="60">
      <formula>LEN(TRIM(C387))=0</formula>
    </cfRule>
  </conditionalFormatting>
  <conditionalFormatting sqref="D283:D284">
    <cfRule type="containsBlanks" dxfId="29" priority="55">
      <formula>LEN(TRIM(D283))=0</formula>
    </cfRule>
  </conditionalFormatting>
  <conditionalFormatting sqref="D378">
    <cfRule type="containsBlanks" dxfId="28" priority="53">
      <formula>LEN(TRIM(D378))=0</formula>
    </cfRule>
  </conditionalFormatting>
  <conditionalFormatting sqref="D47:D49">
    <cfRule type="containsBlanks" dxfId="27" priority="48">
      <formula>LEN(TRIM(D47))=0</formula>
    </cfRule>
  </conditionalFormatting>
  <conditionalFormatting sqref="D177:D179">
    <cfRule type="containsBlanks" dxfId="26" priority="46">
      <formula>LEN(TRIM(D177))=0</formula>
    </cfRule>
  </conditionalFormatting>
  <conditionalFormatting sqref="D50">
    <cfRule type="containsBlanks" dxfId="25" priority="40">
      <formula>LEN(TRIM(D50))=0</formula>
    </cfRule>
  </conditionalFormatting>
  <conditionalFormatting sqref="D69">
    <cfRule type="containsBlanks" dxfId="24" priority="39">
      <formula>LEN(TRIM(D69))=0</formula>
    </cfRule>
  </conditionalFormatting>
  <conditionalFormatting sqref="D74:D78 D82:D86">
    <cfRule type="containsBlanks" dxfId="23" priority="38">
      <formula>LEN(TRIM(D74))=0</formula>
    </cfRule>
  </conditionalFormatting>
  <conditionalFormatting sqref="D79:D81">
    <cfRule type="containsBlanks" dxfId="22" priority="36">
      <formula>LEN(TRIM(D79))=0</formula>
    </cfRule>
  </conditionalFormatting>
  <conditionalFormatting sqref="D87">
    <cfRule type="containsBlanks" dxfId="21" priority="34">
      <formula>LEN(TRIM(D87))=0</formula>
    </cfRule>
  </conditionalFormatting>
  <conditionalFormatting sqref="D105">
    <cfRule type="containsBlanks" dxfId="20" priority="33">
      <formula>LEN(TRIM(D105))=0</formula>
    </cfRule>
  </conditionalFormatting>
  <conditionalFormatting sqref="D113">
    <cfRule type="containsBlanks" dxfId="19" priority="32">
      <formula>LEN(TRIM(D113))=0</formula>
    </cfRule>
  </conditionalFormatting>
  <conditionalFormatting sqref="D126">
    <cfRule type="containsBlanks" dxfId="18" priority="31">
      <formula>LEN(TRIM(D126))=0</formula>
    </cfRule>
  </conditionalFormatting>
  <conditionalFormatting sqref="D129">
    <cfRule type="containsBlanks" dxfId="17" priority="30">
      <formula>LEN(TRIM(D129))=0</formula>
    </cfRule>
  </conditionalFormatting>
  <conditionalFormatting sqref="D147">
    <cfRule type="containsBlanks" dxfId="16" priority="29">
      <formula>LEN(TRIM(D147))=0</formula>
    </cfRule>
  </conditionalFormatting>
  <conditionalFormatting sqref="D170">
    <cfRule type="containsBlanks" dxfId="15" priority="27">
      <formula>LEN(TRIM(D170))=0</formula>
    </cfRule>
  </conditionalFormatting>
  <conditionalFormatting sqref="D173">
    <cfRule type="containsBlanks" dxfId="14" priority="26">
      <formula>LEN(TRIM(D173))=0</formula>
    </cfRule>
  </conditionalFormatting>
  <conditionalFormatting sqref="D176">
    <cfRule type="containsBlanks" dxfId="13" priority="19">
      <formula>LEN(TRIM(D176))=0</formula>
    </cfRule>
  </conditionalFormatting>
  <conditionalFormatting sqref="D180">
    <cfRule type="containsBlanks" dxfId="12" priority="18">
      <formula>LEN(TRIM(D180))=0</formula>
    </cfRule>
  </conditionalFormatting>
  <conditionalFormatting sqref="D262:D276">
    <cfRule type="containsBlanks" dxfId="11" priority="17">
      <formula>LEN(TRIM(D262))=0</formula>
    </cfRule>
  </conditionalFormatting>
  <conditionalFormatting sqref="D285:D365">
    <cfRule type="containsBlanks" dxfId="10" priority="16">
      <formula>LEN(TRIM(D285))=0</formula>
    </cfRule>
  </conditionalFormatting>
  <conditionalFormatting sqref="D57">
    <cfRule type="containsBlanks" dxfId="9" priority="15">
      <formula>LEN(TRIM(D57))=0</formula>
    </cfRule>
  </conditionalFormatting>
  <conditionalFormatting sqref="D118">
    <cfRule type="containsBlanks" dxfId="8" priority="14">
      <formula>LEN(TRIM(D118))=0</formula>
    </cfRule>
  </conditionalFormatting>
  <conditionalFormatting sqref="D121:D124">
    <cfRule type="containsBlanks" dxfId="7" priority="13">
      <formula>LEN(TRIM(D121))=0</formula>
    </cfRule>
  </conditionalFormatting>
  <conditionalFormatting sqref="D134">
    <cfRule type="containsBlanks" dxfId="6" priority="12">
      <formula>LEN(TRIM(D134))=0</formula>
    </cfRule>
  </conditionalFormatting>
  <conditionalFormatting sqref="D148">
    <cfRule type="containsBlanks" dxfId="5" priority="11">
      <formula>LEN(TRIM(D148))=0</formula>
    </cfRule>
  </conditionalFormatting>
  <conditionalFormatting sqref="D187">
    <cfRule type="containsBlanks" dxfId="4" priority="5">
      <formula>LEN(TRIM(D187))=0</formula>
    </cfRule>
  </conditionalFormatting>
  <conditionalFormatting sqref="D212">
    <cfRule type="containsBlanks" dxfId="3" priority="4">
      <formula>LEN(TRIM(D212))=0</formula>
    </cfRule>
  </conditionalFormatting>
  <conditionalFormatting sqref="D232">
    <cfRule type="containsBlanks" dxfId="2" priority="3">
      <formula>LEN(TRIM(D232))=0</formula>
    </cfRule>
  </conditionalFormatting>
  <conditionalFormatting sqref="D239">
    <cfRule type="containsBlanks" dxfId="1" priority="2">
      <formula>LEN(TRIM(D239))=0</formula>
    </cfRule>
  </conditionalFormatting>
  <conditionalFormatting sqref="D224">
    <cfRule type="containsBlanks" dxfId="0" priority="1">
      <formula>LEN(TRIM(D224))=0</formula>
    </cfRule>
  </conditionalFormatting>
  <hyperlinks>
    <hyperlink ref="C364" r:id="rId1" tooltip="http://www.vusch.sk" display="http://www.vusch.sk/"/>
  </hyperlinks>
  <printOptions horizontalCentered="1"/>
  <pageMargins left="0.70866141732283472" right="0.70866141732283472" top="0.9055118110236221" bottom="0.74803149606299213" header="0.31496062992125984" footer="0.31496062992125984"/>
  <pageSetup paperSize="9" scale="64" orientation="portrait" r:id="rId2"/>
  <headerFooter>
    <oddHeader>&amp;C&amp;"Arial,Normálne"&amp;16CENOVÁ PONUKA&amp;14
pre účel
prípravnej trhovej konzultácia a predbežného zapojenia záujemcov alebo uchádzačov (ďalej aj "PTK")</oddHeader>
    <oddFooter>&amp;CStrana &amp;P z &amp;N</oddFooter>
  </headerFooter>
  <rowBreaks count="9" manualBreakCount="9">
    <brk id="112" min="1" max="5" man="1"/>
    <brk id="146" min="1" max="5" man="1"/>
    <brk id="179" min="1" max="5" man="1"/>
    <brk id="209" min="1" max="5" man="1"/>
    <brk id="276" min="1" max="5" man="1"/>
    <brk id="296" min="1" max="5" man="1"/>
    <brk id="316" min="1" max="5" man="1"/>
    <brk id="356" min="1" max="5" man="1"/>
    <brk id="373" min="1" max="5" man="1"/>
  </rowBreaks>
  <drawing r:id="rId3"/>
  <legacyDrawing r:id="rId4"/>
  <mc:AlternateContent xmlns:mc="http://schemas.openxmlformats.org/markup-compatibility/2006">
    <mc:Choice Requires="x14">
      <controls>
        <mc:AlternateContent xmlns:mc="http://schemas.openxmlformats.org/markup-compatibility/2006">
          <mc:Choice Requires="x14">
            <control shapeId="8195" r:id="rId5" name="Check Box 3">
              <controlPr defaultSize="0" autoFill="0" autoLine="0" autoPict="0">
                <anchor moveWithCells="1">
                  <from>
                    <xdr:col>1</xdr:col>
                    <xdr:colOff>628650</xdr:colOff>
                    <xdr:row>27</xdr:row>
                    <xdr:rowOff>0</xdr:rowOff>
                  </from>
                  <to>
                    <xdr:col>1</xdr:col>
                    <xdr:colOff>885825</xdr:colOff>
                    <xdr:row>27</xdr:row>
                    <xdr:rowOff>219075</xdr:rowOff>
                  </to>
                </anchor>
              </controlPr>
            </control>
          </mc:Choice>
        </mc:AlternateContent>
        <mc:AlternateContent xmlns:mc="http://schemas.openxmlformats.org/markup-compatibility/2006">
          <mc:Choice Requires="x14">
            <control shapeId="8196" r:id="rId6" name="Check Box 4">
              <controlPr defaultSize="0" autoFill="0" autoLine="0" autoPict="0">
                <anchor moveWithCells="1">
                  <from>
                    <xdr:col>1</xdr:col>
                    <xdr:colOff>628650</xdr:colOff>
                    <xdr:row>28</xdr:row>
                    <xdr:rowOff>9525</xdr:rowOff>
                  </from>
                  <to>
                    <xdr:col>1</xdr:col>
                    <xdr:colOff>885825</xdr:colOff>
                    <xdr:row>28</xdr:row>
                    <xdr:rowOff>228600</xdr:rowOff>
                  </to>
                </anchor>
              </controlPr>
            </control>
          </mc:Choice>
        </mc:AlternateContent>
        <mc:AlternateContent xmlns:mc="http://schemas.openxmlformats.org/markup-compatibility/2006">
          <mc:Choice Requires="x14">
            <control shapeId="8197" r:id="rId7" name="Check Box 5">
              <controlPr defaultSize="0" autoFill="0" autoLine="0" autoPict="0">
                <anchor moveWithCells="1">
                  <from>
                    <xdr:col>1</xdr:col>
                    <xdr:colOff>628650</xdr:colOff>
                    <xdr:row>35</xdr:row>
                    <xdr:rowOff>9525</xdr:rowOff>
                  </from>
                  <to>
                    <xdr:col>1</xdr:col>
                    <xdr:colOff>885825</xdr:colOff>
                    <xdr:row>35</xdr:row>
                    <xdr:rowOff>228600</xdr:rowOff>
                  </to>
                </anchor>
              </controlPr>
            </control>
          </mc:Choice>
        </mc:AlternateContent>
        <mc:AlternateContent xmlns:mc="http://schemas.openxmlformats.org/markup-compatibility/2006">
          <mc:Choice Requires="x14">
            <control shapeId="8198" r:id="rId8" name="Check Box 6">
              <controlPr defaultSize="0" autoFill="0" autoLine="0" autoPict="0">
                <anchor moveWithCells="1">
                  <from>
                    <xdr:col>1</xdr:col>
                    <xdr:colOff>628650</xdr:colOff>
                    <xdr:row>36</xdr:row>
                    <xdr:rowOff>0</xdr:rowOff>
                  </from>
                  <to>
                    <xdr:col>1</xdr:col>
                    <xdr:colOff>885825</xdr:colOff>
                    <xdr:row>36</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2-10-20T12:29:54Z</cp:lastPrinted>
  <dcterms:created xsi:type="dcterms:W3CDTF">2017-04-21T05:51:15Z</dcterms:created>
  <dcterms:modified xsi:type="dcterms:W3CDTF">2022-10-20T12:30:00Z</dcterms:modified>
</cp:coreProperties>
</file>